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file-sv33\user\s12765\デスクトップ\"/>
    </mc:Choice>
  </mc:AlternateContent>
  <bookViews>
    <workbookView xWindow="0" yWindow="0" windowWidth="23040" windowHeight="8976" activeTab="1"/>
  </bookViews>
  <sheets>
    <sheet name="運営基準" sheetId="11" r:id="rId1"/>
    <sheet name="加算" sheetId="8" r:id="rId2"/>
  </sheets>
  <definedNames>
    <definedName name="_xlnm.Print_Area" localSheetId="0">運営基準!$A$1:$D$204</definedName>
    <definedName name="_xlnm.Print_Area" localSheetId="1">加算!$A$1:$E$257</definedName>
    <definedName name="_xlnm.Print_Titles" localSheetId="1">加算!$3:$3</definedName>
  </definedNames>
  <calcPr calcId="162913"/>
</workbook>
</file>

<file path=xl/sharedStrings.xml><?xml version="1.0" encoding="utf-8"?>
<sst xmlns="http://schemas.openxmlformats.org/spreadsheetml/2006/main" count="1358" uniqueCount="538">
  <si>
    <t>点検項目</t>
    <rPh sb="0" eb="2">
      <t>テンケン</t>
    </rPh>
    <rPh sb="2" eb="4">
      <t>コウモク</t>
    </rPh>
    <phoneticPr fontId="2"/>
  </si>
  <si>
    <t>点検事項</t>
    <rPh sb="0" eb="2">
      <t>テンケン</t>
    </rPh>
    <rPh sb="2" eb="4">
      <t>ジコウ</t>
    </rPh>
    <phoneticPr fontId="2"/>
  </si>
  <si>
    <t>点検結果</t>
    <rPh sb="0" eb="2">
      <t>テンケン</t>
    </rPh>
    <rPh sb="2" eb="4">
      <t>ケッカ</t>
    </rPh>
    <phoneticPr fontId="2"/>
  </si>
  <si>
    <t>初期加算</t>
    <rPh sb="0" eb="2">
      <t>ショキ</t>
    </rPh>
    <rPh sb="2" eb="4">
      <t>カサン</t>
    </rPh>
    <phoneticPr fontId="2"/>
  </si>
  <si>
    <t>認知症加算（Ⅰ）</t>
    <rPh sb="0" eb="3">
      <t>ニンチショウ</t>
    </rPh>
    <rPh sb="3" eb="5">
      <t>カサン</t>
    </rPh>
    <phoneticPr fontId="2"/>
  </si>
  <si>
    <t>認知症加算（Ⅱ）</t>
    <rPh sb="0" eb="3">
      <t>ニンチショウ</t>
    </rPh>
    <rPh sb="3" eb="5">
      <t>カサン</t>
    </rPh>
    <phoneticPr fontId="2"/>
  </si>
  <si>
    <t>過少サービスに対する減算</t>
    <rPh sb="0" eb="2">
      <t>カショウ</t>
    </rPh>
    <rPh sb="7" eb="8">
      <t>タイ</t>
    </rPh>
    <rPh sb="10" eb="12">
      <t>ゲンサン</t>
    </rPh>
    <phoneticPr fontId="2"/>
  </si>
  <si>
    <t>該当</t>
    <rPh sb="0" eb="2">
      <t>ガイトウ</t>
    </rPh>
    <phoneticPr fontId="2"/>
  </si>
  <si>
    <t>□</t>
    <phoneticPr fontId="2"/>
  </si>
  <si>
    <t>日常生活に支障をきたすおそれのある症状又は行動が認められることから介護を必要とする認知症の者（認知症日常生活自立度Ⅲ以上）</t>
    <rPh sb="0" eb="2">
      <t>ニチジョウ</t>
    </rPh>
    <rPh sb="2" eb="4">
      <t>セイカツ</t>
    </rPh>
    <rPh sb="5" eb="7">
      <t>シショウ</t>
    </rPh>
    <rPh sb="17" eb="19">
      <t>ショウジョウ</t>
    </rPh>
    <rPh sb="19" eb="20">
      <t>マタ</t>
    </rPh>
    <rPh sb="21" eb="23">
      <t>コウドウ</t>
    </rPh>
    <rPh sb="24" eb="25">
      <t>ミト</t>
    </rPh>
    <rPh sb="33" eb="35">
      <t>カイゴ</t>
    </rPh>
    <rPh sb="36" eb="38">
      <t>ヒツヨウ</t>
    </rPh>
    <rPh sb="41" eb="44">
      <t>ニンチショウ</t>
    </rPh>
    <rPh sb="45" eb="46">
      <t>モノ</t>
    </rPh>
    <rPh sb="47" eb="50">
      <t>ニンチショウ</t>
    </rPh>
    <rPh sb="50" eb="52">
      <t>ニチジョウ</t>
    </rPh>
    <rPh sb="52" eb="54">
      <t>セイカツ</t>
    </rPh>
    <rPh sb="54" eb="57">
      <t>ジリツド</t>
    </rPh>
    <rPh sb="58" eb="60">
      <t>イジョウ</t>
    </rPh>
    <phoneticPr fontId="2"/>
  </si>
  <si>
    <t>サービス提供体制強化加算（Ⅱ）</t>
    <rPh sb="4" eb="6">
      <t>テイキョウ</t>
    </rPh>
    <rPh sb="6" eb="8">
      <t>タイセイ</t>
    </rPh>
    <rPh sb="8" eb="10">
      <t>キョウカ</t>
    </rPh>
    <rPh sb="10" eb="12">
      <t>カサン</t>
    </rPh>
    <phoneticPr fontId="2"/>
  </si>
  <si>
    <t>従業者ごとの研修計画の作成及び実施又は実施を予定している</t>
    <rPh sb="0" eb="3">
      <t>ジュウギョウシャ</t>
    </rPh>
    <rPh sb="6" eb="8">
      <t>ケンシュウ</t>
    </rPh>
    <rPh sb="8" eb="10">
      <t>ケイカク</t>
    </rPh>
    <rPh sb="11" eb="13">
      <t>サクセイ</t>
    </rPh>
    <rPh sb="13" eb="14">
      <t>オヨ</t>
    </rPh>
    <rPh sb="15" eb="17">
      <t>ジッシ</t>
    </rPh>
    <rPh sb="17" eb="18">
      <t>マタ</t>
    </rPh>
    <rPh sb="19" eb="21">
      <t>ジッシ</t>
    </rPh>
    <rPh sb="22" eb="24">
      <t>ヨテイ</t>
    </rPh>
    <phoneticPr fontId="2"/>
  </si>
  <si>
    <t>利用者の情報や留意事項の伝達又は技術指導のための会議を定期的に開催している</t>
    <rPh sb="0" eb="3">
      <t>リヨウシャ</t>
    </rPh>
    <rPh sb="4" eb="6">
      <t>ジョウホウ</t>
    </rPh>
    <rPh sb="7" eb="9">
      <t>リュウイ</t>
    </rPh>
    <rPh sb="9" eb="11">
      <t>ジコウ</t>
    </rPh>
    <rPh sb="12" eb="14">
      <t>デンタツ</t>
    </rPh>
    <rPh sb="14" eb="15">
      <t>マタ</t>
    </rPh>
    <rPh sb="16" eb="18">
      <t>ギジュツ</t>
    </rPh>
    <rPh sb="18" eb="20">
      <t>シドウ</t>
    </rPh>
    <rPh sb="24" eb="26">
      <t>カイギ</t>
    </rPh>
    <rPh sb="27" eb="30">
      <t>テイキテキ</t>
    </rPh>
    <rPh sb="31" eb="33">
      <t>カイサイ</t>
    </rPh>
    <phoneticPr fontId="2"/>
  </si>
  <si>
    <t>定員、人員基準に適合</t>
  </si>
  <si>
    <t>サービス提供体制強化加算（Ⅲ）</t>
    <rPh sb="4" eb="6">
      <t>テイキョウ</t>
    </rPh>
    <rPh sb="6" eb="8">
      <t>タイセイ</t>
    </rPh>
    <rPh sb="8" eb="10">
      <t>キョウカ</t>
    </rPh>
    <rPh sb="10" eb="12">
      <t>カサン</t>
    </rPh>
    <phoneticPr fontId="2"/>
  </si>
  <si>
    <t>あり</t>
    <phoneticPr fontId="2"/>
  </si>
  <si>
    <t>複合型サービス事業所に登録した日から起算して30日以内</t>
    <rPh sb="0" eb="3">
      <t>フクゴウガタ</t>
    </rPh>
    <rPh sb="7" eb="10">
      <t>ジギョウショ</t>
    </rPh>
    <rPh sb="11" eb="13">
      <t>トウロク</t>
    </rPh>
    <rPh sb="15" eb="16">
      <t>ヒ</t>
    </rPh>
    <rPh sb="18" eb="20">
      <t>キサン</t>
    </rPh>
    <rPh sb="24" eb="25">
      <t>ニチ</t>
    </rPh>
    <rPh sb="25" eb="27">
      <t>イナイ</t>
    </rPh>
    <phoneticPr fontId="2"/>
  </si>
  <si>
    <t>要介護２であって周囲の者による日常生活に対する注意を必要とする認知症のもの（認知症日常生活自立度Ⅱ）</t>
    <rPh sb="0" eb="3">
      <t>ヨウカイゴ</t>
    </rPh>
    <rPh sb="8" eb="10">
      <t>シュウイ</t>
    </rPh>
    <rPh sb="11" eb="12">
      <t>モノ</t>
    </rPh>
    <rPh sb="15" eb="17">
      <t>ニチジョウ</t>
    </rPh>
    <rPh sb="17" eb="19">
      <t>セイカツ</t>
    </rPh>
    <rPh sb="20" eb="21">
      <t>タイ</t>
    </rPh>
    <rPh sb="23" eb="25">
      <t>チュウイ</t>
    </rPh>
    <rPh sb="26" eb="28">
      <t>ヒツヨウ</t>
    </rPh>
    <rPh sb="31" eb="34">
      <t>ニンチショウ</t>
    </rPh>
    <rPh sb="38" eb="41">
      <t>ニンチショウ</t>
    </rPh>
    <rPh sb="41" eb="43">
      <t>ニチジョウ</t>
    </rPh>
    <rPh sb="43" eb="45">
      <t>セイカツ</t>
    </rPh>
    <rPh sb="45" eb="48">
      <t>ジリツド</t>
    </rPh>
    <phoneticPr fontId="2"/>
  </si>
  <si>
    <t>退院時共同指導加算</t>
    <phoneticPr fontId="2"/>
  </si>
  <si>
    <t>共同指導の内容を文書により提供</t>
    <rPh sb="0" eb="2">
      <t>キョウドウ</t>
    </rPh>
    <rPh sb="2" eb="4">
      <t>シドウ</t>
    </rPh>
    <rPh sb="5" eb="7">
      <t>ナイヨウ</t>
    </rPh>
    <rPh sb="8" eb="10">
      <t>ブンショ</t>
    </rPh>
    <rPh sb="13" eb="15">
      <t>テイキョウ</t>
    </rPh>
    <phoneticPr fontId="2"/>
  </si>
  <si>
    <t>利用者の同意</t>
    <rPh sb="0" eb="3">
      <t>リヨウシャ</t>
    </rPh>
    <rPh sb="4" eb="6">
      <t>ドウイ</t>
    </rPh>
    <phoneticPr fontId="2"/>
  </si>
  <si>
    <t>同意書等(規定はなし)</t>
    <rPh sb="0" eb="3">
      <t>ドウイショ</t>
    </rPh>
    <rPh sb="3" eb="4">
      <t>トウ</t>
    </rPh>
    <rPh sb="5" eb="7">
      <t>キテイ</t>
    </rPh>
    <phoneticPr fontId="2"/>
  </si>
  <si>
    <t>他の事業所で当該加算の算定の有無</t>
    <rPh sb="0" eb="1">
      <t>ホカ</t>
    </rPh>
    <rPh sb="2" eb="5">
      <t>ジギョウショ</t>
    </rPh>
    <rPh sb="6" eb="8">
      <t>トウガイ</t>
    </rPh>
    <rPh sb="8" eb="10">
      <t>カサン</t>
    </rPh>
    <rPh sb="11" eb="13">
      <t>サンテイ</t>
    </rPh>
    <rPh sb="14" eb="16">
      <t>ウム</t>
    </rPh>
    <phoneticPr fontId="2"/>
  </si>
  <si>
    <t>なし</t>
    <phoneticPr fontId="2"/>
  </si>
  <si>
    <t>特別管理加算（Ⅰ）</t>
    <phoneticPr fontId="2"/>
  </si>
  <si>
    <t>在宅悪性腫瘍患者指導管理若しくは在宅気管切開患者指導管理を受けている状態又は気管カニューレ若しくは留置カテーテルを使用している状態</t>
    <phoneticPr fontId="2"/>
  </si>
  <si>
    <t>主治医の指示書等</t>
    <phoneticPr fontId="2"/>
  </si>
  <si>
    <t>計画的な管理の実施</t>
    <rPh sb="0" eb="3">
      <t>ケイカクテキ</t>
    </rPh>
    <rPh sb="4" eb="6">
      <t>カンリ</t>
    </rPh>
    <rPh sb="7" eb="9">
      <t>ジッシ</t>
    </rPh>
    <phoneticPr fontId="2"/>
  </si>
  <si>
    <t>他の訪問看護ステーション等で当該加算の算定の有無</t>
    <rPh sb="0" eb="1">
      <t>ホカ</t>
    </rPh>
    <rPh sb="2" eb="4">
      <t>ホウモン</t>
    </rPh>
    <rPh sb="4" eb="6">
      <t>カンゴ</t>
    </rPh>
    <rPh sb="12" eb="13">
      <t>トウ</t>
    </rPh>
    <rPh sb="14" eb="16">
      <t>トウガイ</t>
    </rPh>
    <rPh sb="16" eb="18">
      <t>カサン</t>
    </rPh>
    <rPh sb="19" eb="21">
      <t>サンテイ</t>
    </rPh>
    <rPh sb="22" eb="24">
      <t>ウム</t>
    </rPh>
    <phoneticPr fontId="2"/>
  </si>
  <si>
    <t>症状が重篤の場合医師による診療を受診できるような支援の有無</t>
    <rPh sb="0" eb="2">
      <t>ショウジョウ</t>
    </rPh>
    <rPh sb="3" eb="5">
      <t>ジュウトク</t>
    </rPh>
    <rPh sb="6" eb="8">
      <t>バアイ</t>
    </rPh>
    <rPh sb="8" eb="10">
      <t>イシ</t>
    </rPh>
    <rPh sb="13" eb="15">
      <t>シンリョウ</t>
    </rPh>
    <rPh sb="16" eb="18">
      <t>ジュシン</t>
    </rPh>
    <rPh sb="24" eb="26">
      <t>シエン</t>
    </rPh>
    <rPh sb="27" eb="29">
      <t>ウム</t>
    </rPh>
    <phoneticPr fontId="2"/>
  </si>
  <si>
    <t>特別管理加算（Ⅱ）</t>
    <phoneticPr fontId="2"/>
  </si>
  <si>
    <t>ターミナルケア加算</t>
    <rPh sb="7" eb="9">
      <t>カサン</t>
    </rPh>
    <phoneticPr fontId="2"/>
  </si>
  <si>
    <t>24時間連絡及び訪問の体制</t>
    <phoneticPr fontId="2"/>
  </si>
  <si>
    <t>主治医と連携のもとターミナルケア計画及び支援体制を利用者、家族に説明と同意</t>
    <rPh sb="0" eb="3">
      <t>シュジイ</t>
    </rPh>
    <rPh sb="4" eb="6">
      <t>レンケイ</t>
    </rPh>
    <rPh sb="16" eb="18">
      <t>ケイカク</t>
    </rPh>
    <rPh sb="18" eb="19">
      <t>オヨ</t>
    </rPh>
    <rPh sb="20" eb="22">
      <t>シエン</t>
    </rPh>
    <rPh sb="22" eb="24">
      <t>タイセイ</t>
    </rPh>
    <rPh sb="25" eb="28">
      <t>リヨウシャ</t>
    </rPh>
    <rPh sb="29" eb="31">
      <t>カゾク</t>
    </rPh>
    <rPh sb="32" eb="34">
      <t>セツメイ</t>
    </rPh>
    <rPh sb="35" eb="37">
      <t>ドウイ</t>
    </rPh>
    <phoneticPr fontId="2"/>
  </si>
  <si>
    <t>訪問看護サービス記録書</t>
    <rPh sb="0" eb="2">
      <t>ホウモン</t>
    </rPh>
    <rPh sb="2" eb="4">
      <t>カンゴ</t>
    </rPh>
    <rPh sb="8" eb="11">
      <t>キロクショ</t>
    </rPh>
    <phoneticPr fontId="2"/>
  </si>
  <si>
    <t>ターミナルケア提供についての身体状況の変化等必要な記録</t>
    <rPh sb="7" eb="9">
      <t>テイキョウ</t>
    </rPh>
    <rPh sb="14" eb="16">
      <t>シンタイ</t>
    </rPh>
    <rPh sb="16" eb="18">
      <t>ジョウキョウ</t>
    </rPh>
    <rPh sb="19" eb="21">
      <t>ヘンカ</t>
    </rPh>
    <rPh sb="21" eb="22">
      <t>トウ</t>
    </rPh>
    <rPh sb="22" eb="24">
      <t>ヒツヨウ</t>
    </rPh>
    <rPh sb="25" eb="27">
      <t>キロク</t>
    </rPh>
    <phoneticPr fontId="2"/>
  </si>
  <si>
    <t>サービス提供票</t>
    <rPh sb="4" eb="7">
      <t>テイキョウヒョウ</t>
    </rPh>
    <phoneticPr fontId="2"/>
  </si>
  <si>
    <t>訪問看護ターミナルケア療養費（医療保険）及び在宅ターミナルケア加算（訪問看護・指導料）の有無</t>
    <rPh sb="0" eb="2">
      <t>ホウモン</t>
    </rPh>
    <rPh sb="2" eb="4">
      <t>カンゴ</t>
    </rPh>
    <rPh sb="11" eb="14">
      <t>リョウヨウヒ</t>
    </rPh>
    <rPh sb="15" eb="17">
      <t>イリョウ</t>
    </rPh>
    <rPh sb="17" eb="19">
      <t>ホケン</t>
    </rPh>
    <rPh sb="20" eb="21">
      <t>オヨ</t>
    </rPh>
    <rPh sb="22" eb="24">
      <t>ザイタク</t>
    </rPh>
    <rPh sb="31" eb="33">
      <t>カサン</t>
    </rPh>
    <rPh sb="44" eb="46">
      <t>ウム</t>
    </rPh>
    <phoneticPr fontId="2"/>
  </si>
  <si>
    <t>１　賃金改善に関する計画の策定、計画に基づく措置</t>
    <rPh sb="2" eb="4">
      <t>チンギン</t>
    </rPh>
    <rPh sb="4" eb="6">
      <t>カイゼン</t>
    </rPh>
    <rPh sb="7" eb="8">
      <t>カン</t>
    </rPh>
    <rPh sb="10" eb="12">
      <t>ケイカク</t>
    </rPh>
    <rPh sb="13" eb="15">
      <t>サクテイ</t>
    </rPh>
    <rPh sb="16" eb="18">
      <t>ケイカク</t>
    </rPh>
    <rPh sb="19" eb="20">
      <t>モト</t>
    </rPh>
    <rPh sb="22" eb="24">
      <t>ソチ</t>
    </rPh>
    <phoneticPr fontId="2"/>
  </si>
  <si>
    <t>３　賃金改善の実施</t>
    <rPh sb="2" eb="4">
      <t>チンギン</t>
    </rPh>
    <rPh sb="4" eb="6">
      <t>カイゼン</t>
    </rPh>
    <rPh sb="7" eb="9">
      <t>ジッシ</t>
    </rPh>
    <phoneticPr fontId="2"/>
  </si>
  <si>
    <t>４　処遇改善に関する実績の報告</t>
    <rPh sb="2" eb="4">
      <t>ショグウ</t>
    </rPh>
    <rPh sb="4" eb="6">
      <t>カイゼン</t>
    </rPh>
    <rPh sb="7" eb="8">
      <t>カン</t>
    </rPh>
    <rPh sb="10" eb="12">
      <t>ジッセキ</t>
    </rPh>
    <rPh sb="13" eb="15">
      <t>ホウコク</t>
    </rPh>
    <phoneticPr fontId="2"/>
  </si>
  <si>
    <t>６　労働保険料の納付</t>
    <rPh sb="2" eb="4">
      <t>ロウドウ</t>
    </rPh>
    <rPh sb="4" eb="7">
      <t>ホケンリョウ</t>
    </rPh>
    <rPh sb="8" eb="10">
      <t>ノウフ</t>
    </rPh>
    <phoneticPr fontId="2"/>
  </si>
  <si>
    <t>適正に納付</t>
    <rPh sb="0" eb="2">
      <t>テキセイ</t>
    </rPh>
    <rPh sb="3" eb="5">
      <t>ノウフ</t>
    </rPh>
    <phoneticPr fontId="2"/>
  </si>
  <si>
    <t>退院又は退所後に看護サービス利用者の居宅を訪問</t>
    <rPh sb="8" eb="10">
      <t>カンゴ</t>
    </rPh>
    <rPh sb="14" eb="17">
      <t>リヨウシャ</t>
    </rPh>
    <rPh sb="18" eb="20">
      <t>キョタク</t>
    </rPh>
    <phoneticPr fontId="2"/>
  </si>
  <si>
    <t>定員超過利用減算</t>
    <rPh sb="0" eb="2">
      <t>テイイン</t>
    </rPh>
    <rPh sb="2" eb="4">
      <t>チョウカ</t>
    </rPh>
    <rPh sb="4" eb="6">
      <t>リヨウ</t>
    </rPh>
    <rPh sb="6" eb="8">
      <t>ゲンサン</t>
    </rPh>
    <phoneticPr fontId="2"/>
  </si>
  <si>
    <t>登録者の数が市町村長に提出した運営規程に定められる登録定員を超えた場合</t>
    <rPh sb="0" eb="3">
      <t>トウロクシャ</t>
    </rPh>
    <rPh sb="4" eb="5">
      <t>カズ</t>
    </rPh>
    <rPh sb="6" eb="10">
      <t>シチョウソンチョウ</t>
    </rPh>
    <rPh sb="11" eb="13">
      <t>テイシュツ</t>
    </rPh>
    <rPh sb="15" eb="17">
      <t>ウンエイ</t>
    </rPh>
    <rPh sb="17" eb="19">
      <t>キテイ</t>
    </rPh>
    <rPh sb="20" eb="21">
      <t>サダ</t>
    </rPh>
    <rPh sb="25" eb="27">
      <t>トウロク</t>
    </rPh>
    <rPh sb="27" eb="29">
      <t>テイイン</t>
    </rPh>
    <rPh sb="30" eb="31">
      <t>コ</t>
    </rPh>
    <rPh sb="33" eb="35">
      <t>バアイ</t>
    </rPh>
    <phoneticPr fontId="2"/>
  </si>
  <si>
    <t>人員基準欠如減算</t>
    <rPh sb="0" eb="2">
      <t>ジンイン</t>
    </rPh>
    <rPh sb="2" eb="4">
      <t>キジュン</t>
    </rPh>
    <rPh sb="4" eb="6">
      <t>ケツジョ</t>
    </rPh>
    <rPh sb="6" eb="8">
      <t>ゲンサン</t>
    </rPh>
    <phoneticPr fontId="2"/>
  </si>
  <si>
    <t>従業者が指定地域密着型サービス基準に定める員数をおいていない</t>
    <rPh sb="0" eb="3">
      <t>ジュウギョウシャ</t>
    </rPh>
    <rPh sb="4" eb="6">
      <t>シテイ</t>
    </rPh>
    <rPh sb="6" eb="8">
      <t>チイキ</t>
    </rPh>
    <rPh sb="8" eb="11">
      <t>ミッチャクガタ</t>
    </rPh>
    <rPh sb="15" eb="17">
      <t>キジュン</t>
    </rPh>
    <rPh sb="18" eb="19">
      <t>サダ</t>
    </rPh>
    <rPh sb="21" eb="23">
      <t>インスウ</t>
    </rPh>
    <phoneticPr fontId="2"/>
  </si>
  <si>
    <t>訪問看護体制減算</t>
    <rPh sb="0" eb="2">
      <t>ホウモン</t>
    </rPh>
    <rPh sb="2" eb="4">
      <t>カンゴ</t>
    </rPh>
    <rPh sb="4" eb="6">
      <t>タイセイ</t>
    </rPh>
    <rPh sb="6" eb="8">
      <t>ゲンサン</t>
    </rPh>
    <phoneticPr fontId="2"/>
  </si>
  <si>
    <t>算定日が属する月の前３月間において、利用者の総数のうち、主治の医師の指示に基づく看護サービスを提供した者の割合</t>
    <rPh sb="0" eb="2">
      <t>サンテイ</t>
    </rPh>
    <rPh sb="2" eb="3">
      <t>ビ</t>
    </rPh>
    <rPh sb="4" eb="5">
      <t>ゾク</t>
    </rPh>
    <rPh sb="7" eb="8">
      <t>ツキ</t>
    </rPh>
    <rPh sb="9" eb="10">
      <t>マエ</t>
    </rPh>
    <rPh sb="11" eb="12">
      <t>ツキ</t>
    </rPh>
    <rPh sb="12" eb="13">
      <t>カン</t>
    </rPh>
    <rPh sb="18" eb="21">
      <t>リヨウシャ</t>
    </rPh>
    <rPh sb="22" eb="24">
      <t>ソウスウ</t>
    </rPh>
    <rPh sb="28" eb="30">
      <t>シュジ</t>
    </rPh>
    <rPh sb="31" eb="33">
      <t>イシ</t>
    </rPh>
    <rPh sb="34" eb="36">
      <t>シジ</t>
    </rPh>
    <rPh sb="37" eb="38">
      <t>モト</t>
    </rPh>
    <rPh sb="40" eb="42">
      <t>カンゴ</t>
    </rPh>
    <rPh sb="47" eb="49">
      <t>テイキョウ</t>
    </rPh>
    <rPh sb="51" eb="52">
      <t>モノ</t>
    </rPh>
    <rPh sb="53" eb="55">
      <t>ワリアイ</t>
    </rPh>
    <phoneticPr fontId="2"/>
  </si>
  <si>
    <t>３割未満</t>
    <rPh sb="1" eb="2">
      <t>ワリ</t>
    </rPh>
    <rPh sb="2" eb="4">
      <t>ミマン</t>
    </rPh>
    <phoneticPr fontId="2"/>
  </si>
  <si>
    <t>算定日が属する月の前３月間において、利用者の総数のうち、緊急時訪問看護加算を算定した利用者の占める割合</t>
    <rPh sb="0" eb="2">
      <t>サンテイ</t>
    </rPh>
    <rPh sb="2" eb="3">
      <t>ビ</t>
    </rPh>
    <rPh sb="4" eb="5">
      <t>ゾク</t>
    </rPh>
    <rPh sb="7" eb="8">
      <t>ツキ</t>
    </rPh>
    <rPh sb="9" eb="10">
      <t>マエ</t>
    </rPh>
    <rPh sb="11" eb="12">
      <t>ツキ</t>
    </rPh>
    <rPh sb="12" eb="13">
      <t>カン</t>
    </rPh>
    <rPh sb="18" eb="21">
      <t>リヨウシャ</t>
    </rPh>
    <rPh sb="22" eb="24">
      <t>ソウスウ</t>
    </rPh>
    <rPh sb="28" eb="31">
      <t>キンキュウジ</t>
    </rPh>
    <rPh sb="31" eb="33">
      <t>ホウモン</t>
    </rPh>
    <rPh sb="33" eb="35">
      <t>カンゴ</t>
    </rPh>
    <rPh sb="35" eb="37">
      <t>カサン</t>
    </rPh>
    <rPh sb="38" eb="40">
      <t>サンテイ</t>
    </rPh>
    <rPh sb="42" eb="45">
      <t>リヨウシャ</t>
    </rPh>
    <rPh sb="46" eb="47">
      <t>シ</t>
    </rPh>
    <rPh sb="49" eb="51">
      <t>ワリアイ</t>
    </rPh>
    <phoneticPr fontId="2"/>
  </si>
  <si>
    <t>算定日が属する月の前３月間において、利用者の総数のうち、特別管理加算を算定した利用者の占める割合</t>
    <rPh sb="0" eb="2">
      <t>サンテイ</t>
    </rPh>
    <rPh sb="2" eb="3">
      <t>ビ</t>
    </rPh>
    <rPh sb="4" eb="5">
      <t>ゾク</t>
    </rPh>
    <rPh sb="7" eb="8">
      <t>ツキ</t>
    </rPh>
    <rPh sb="9" eb="10">
      <t>マエ</t>
    </rPh>
    <rPh sb="11" eb="12">
      <t>ツキ</t>
    </rPh>
    <rPh sb="12" eb="13">
      <t>カン</t>
    </rPh>
    <rPh sb="18" eb="21">
      <t>リヨウシャ</t>
    </rPh>
    <rPh sb="22" eb="24">
      <t>ソウスウ</t>
    </rPh>
    <rPh sb="28" eb="30">
      <t>トクベツ</t>
    </rPh>
    <rPh sb="30" eb="32">
      <t>カンリ</t>
    </rPh>
    <rPh sb="32" eb="34">
      <t>カサン</t>
    </rPh>
    <rPh sb="35" eb="37">
      <t>サンテイ</t>
    </rPh>
    <rPh sb="39" eb="42">
      <t>リヨウシャ</t>
    </rPh>
    <rPh sb="43" eb="44">
      <t>シ</t>
    </rPh>
    <rPh sb="46" eb="48">
      <t>ワリアイ</t>
    </rPh>
    <phoneticPr fontId="2"/>
  </si>
  <si>
    <t>５％未満</t>
    <rPh sb="2" eb="4">
      <t>ミマン</t>
    </rPh>
    <phoneticPr fontId="2"/>
  </si>
  <si>
    <t>８割以上</t>
    <rPh sb="1" eb="2">
      <t>ワリ</t>
    </rPh>
    <rPh sb="2" eb="4">
      <t>イジョウ</t>
    </rPh>
    <phoneticPr fontId="2"/>
  </si>
  <si>
    <t>５割以上</t>
    <rPh sb="1" eb="2">
      <t>ワリ</t>
    </rPh>
    <rPh sb="2" eb="4">
      <t>イジョウ</t>
    </rPh>
    <phoneticPr fontId="2"/>
  </si>
  <si>
    <t>２割以上</t>
    <rPh sb="1" eb="2">
      <t>ワリ</t>
    </rPh>
    <rPh sb="2" eb="4">
      <t>イジョウ</t>
    </rPh>
    <phoneticPr fontId="2"/>
  </si>
  <si>
    <t>地域の関係施設に対し、指定看護小規模多機能型居宅介護事業所の具体的な内容に関する情報提供を行っている</t>
    <rPh sb="0" eb="2">
      <t>チイキ</t>
    </rPh>
    <rPh sb="3" eb="5">
      <t>カンケイ</t>
    </rPh>
    <rPh sb="5" eb="7">
      <t>シセツ</t>
    </rPh>
    <rPh sb="8" eb="9">
      <t>タイ</t>
    </rPh>
    <rPh sb="11" eb="13">
      <t>シテイ</t>
    </rPh>
    <rPh sb="13" eb="15">
      <t>カンゴ</t>
    </rPh>
    <rPh sb="15" eb="18">
      <t>ショウキボ</t>
    </rPh>
    <rPh sb="18" eb="22">
      <t>タキノウガタ</t>
    </rPh>
    <rPh sb="22" eb="24">
      <t>キョタク</t>
    </rPh>
    <rPh sb="24" eb="26">
      <t>カイゴ</t>
    </rPh>
    <rPh sb="26" eb="29">
      <t>ジギョウショ</t>
    </rPh>
    <rPh sb="30" eb="33">
      <t>グタイテキ</t>
    </rPh>
    <rPh sb="34" eb="36">
      <t>ナイヨウ</t>
    </rPh>
    <rPh sb="37" eb="38">
      <t>カン</t>
    </rPh>
    <rPh sb="40" eb="42">
      <t>ジョウホウ</t>
    </rPh>
    <rPh sb="42" eb="44">
      <t>テイキョウ</t>
    </rPh>
    <rPh sb="45" eb="46">
      <t>オコナ</t>
    </rPh>
    <phoneticPr fontId="2"/>
  </si>
  <si>
    <t>日常的に地域住民等との交流を図り、利用者の状態に応じて、地域の行事や活動等に積極的に参加している</t>
    <rPh sb="0" eb="3">
      <t>ニチジョウテキ</t>
    </rPh>
    <rPh sb="4" eb="6">
      <t>チイキ</t>
    </rPh>
    <rPh sb="6" eb="8">
      <t>ジュウミン</t>
    </rPh>
    <rPh sb="8" eb="9">
      <t>トウ</t>
    </rPh>
    <rPh sb="11" eb="13">
      <t>コウリュウ</t>
    </rPh>
    <rPh sb="14" eb="15">
      <t>ハカ</t>
    </rPh>
    <rPh sb="17" eb="20">
      <t>リヨウシャ</t>
    </rPh>
    <rPh sb="21" eb="23">
      <t>ジョウタイ</t>
    </rPh>
    <rPh sb="24" eb="25">
      <t>オウ</t>
    </rPh>
    <rPh sb="28" eb="30">
      <t>チイキ</t>
    </rPh>
    <rPh sb="31" eb="33">
      <t>ギョウジ</t>
    </rPh>
    <rPh sb="34" eb="36">
      <t>カツドウ</t>
    </rPh>
    <rPh sb="36" eb="37">
      <t>トウ</t>
    </rPh>
    <rPh sb="38" eb="41">
      <t>セッキョクテキ</t>
    </rPh>
    <rPh sb="42" eb="44">
      <t>サンカ</t>
    </rPh>
    <phoneticPr fontId="2"/>
  </si>
  <si>
    <t>短期利用居宅介護費</t>
    <rPh sb="0" eb="2">
      <t>タンキ</t>
    </rPh>
    <rPh sb="2" eb="4">
      <t>リヨウ</t>
    </rPh>
    <rPh sb="4" eb="6">
      <t>キョタク</t>
    </rPh>
    <rPh sb="6" eb="8">
      <t>カイゴ</t>
    </rPh>
    <rPh sb="8" eb="9">
      <t>ヒ</t>
    </rPh>
    <phoneticPr fontId="2"/>
  </si>
  <si>
    <t>登録者が定員未満</t>
    <rPh sb="0" eb="3">
      <t>トウロクシャ</t>
    </rPh>
    <rPh sb="4" eb="6">
      <t>テイイン</t>
    </rPh>
    <rPh sb="6" eb="8">
      <t>ミマン</t>
    </rPh>
    <phoneticPr fontId="2"/>
  </si>
  <si>
    <t>従業員数の基準を満たしている</t>
    <rPh sb="0" eb="2">
      <t>ジュウギョウ</t>
    </rPh>
    <rPh sb="2" eb="3">
      <t>イン</t>
    </rPh>
    <rPh sb="3" eb="4">
      <t>スウ</t>
    </rPh>
    <rPh sb="5" eb="7">
      <t>キジュン</t>
    </rPh>
    <rPh sb="8" eb="9">
      <t>ミ</t>
    </rPh>
    <phoneticPr fontId="2"/>
  </si>
  <si>
    <t>過小サービスに対する減算を算定していない</t>
    <rPh sb="0" eb="2">
      <t>カショウ</t>
    </rPh>
    <rPh sb="7" eb="8">
      <t>タイ</t>
    </rPh>
    <rPh sb="10" eb="12">
      <t>ゲンサン</t>
    </rPh>
    <rPh sb="13" eb="15">
      <t>サンテイ</t>
    </rPh>
    <phoneticPr fontId="2"/>
  </si>
  <si>
    <t>在宅自己腹膜灌(かん)流指導管理、在宅血液透析指導管理、在宅酸素療法指導管理、在宅中心静脈栄養法指導管理、在宅成分栄養経管栄養法指導管理、在宅自己導尿指導管理、在宅持続陽圧呼吸療法指導管理、在宅自己疼(とう)痛管理指導管理又は在宅肺高血圧症患者指導管理を受けている状態</t>
    <phoneticPr fontId="2"/>
  </si>
  <si>
    <t>人工肛(こう)門又は人工膀胱(ぼうこう)を設置している状態</t>
    <phoneticPr fontId="2"/>
  </si>
  <si>
    <t>真皮を越える褥瘡(じよくそう)の状態</t>
    <rPh sb="0" eb="2">
      <t>シンピ</t>
    </rPh>
    <phoneticPr fontId="2"/>
  </si>
  <si>
    <t>点滴注射を週３日以上行う必要があると認められる状態</t>
    <phoneticPr fontId="2"/>
  </si>
  <si>
    <t>急性増悪その他当該利用者の主治の医師が一時的に頻回の訪問看護が必要であると認める状態が、死亡日及び死亡日前14日以内に含まれる。</t>
    <phoneticPr fontId="2"/>
  </si>
  <si>
    <t>同意書等(規定はなし)</t>
    <phoneticPr fontId="2"/>
  </si>
  <si>
    <t>台帳等（規定はなし）</t>
    <rPh sb="0" eb="2">
      <t>ダイチョウ</t>
    </rPh>
    <rPh sb="2" eb="3">
      <t>トウ</t>
    </rPh>
    <rPh sb="4" eb="6">
      <t>キテイ</t>
    </rPh>
    <phoneticPr fontId="2"/>
  </si>
  <si>
    <t>１　算定日が属する月の前３月間において、利用者の総数のうち、主治の医師の指示に基づく看護サービスを提供した者の割合</t>
    <rPh sb="2" eb="4">
      <t>サンテイ</t>
    </rPh>
    <rPh sb="4" eb="5">
      <t>ビ</t>
    </rPh>
    <rPh sb="6" eb="7">
      <t>ゾク</t>
    </rPh>
    <rPh sb="9" eb="10">
      <t>ツキ</t>
    </rPh>
    <rPh sb="11" eb="12">
      <t>マエ</t>
    </rPh>
    <rPh sb="13" eb="14">
      <t>ツキ</t>
    </rPh>
    <rPh sb="14" eb="15">
      <t>カン</t>
    </rPh>
    <rPh sb="20" eb="23">
      <t>リヨウシャ</t>
    </rPh>
    <rPh sb="24" eb="26">
      <t>ソウスウ</t>
    </rPh>
    <rPh sb="30" eb="32">
      <t>シュジ</t>
    </rPh>
    <rPh sb="33" eb="35">
      <t>イシ</t>
    </rPh>
    <rPh sb="36" eb="38">
      <t>シジ</t>
    </rPh>
    <rPh sb="39" eb="40">
      <t>モト</t>
    </rPh>
    <rPh sb="42" eb="44">
      <t>カンゴ</t>
    </rPh>
    <rPh sb="49" eb="51">
      <t>テイキョウ</t>
    </rPh>
    <rPh sb="53" eb="54">
      <t>モノ</t>
    </rPh>
    <rPh sb="55" eb="57">
      <t>ワリアイ</t>
    </rPh>
    <phoneticPr fontId="2"/>
  </si>
  <si>
    <t>２　算定日が属する月の前３月間において、利用者の総数のうち、緊急時訪問看護加算を算定した利用者の占める割合</t>
    <rPh sb="2" eb="4">
      <t>サンテイ</t>
    </rPh>
    <rPh sb="4" eb="5">
      <t>ビ</t>
    </rPh>
    <rPh sb="6" eb="7">
      <t>ゾク</t>
    </rPh>
    <rPh sb="9" eb="10">
      <t>ツキ</t>
    </rPh>
    <rPh sb="11" eb="12">
      <t>マエ</t>
    </rPh>
    <rPh sb="13" eb="14">
      <t>ツキ</t>
    </rPh>
    <rPh sb="14" eb="15">
      <t>カン</t>
    </rPh>
    <rPh sb="20" eb="23">
      <t>リヨウシャ</t>
    </rPh>
    <rPh sb="24" eb="26">
      <t>ソウスウ</t>
    </rPh>
    <rPh sb="30" eb="33">
      <t>キンキュウジ</t>
    </rPh>
    <rPh sb="33" eb="35">
      <t>ホウモン</t>
    </rPh>
    <rPh sb="35" eb="37">
      <t>カンゴ</t>
    </rPh>
    <rPh sb="37" eb="39">
      <t>カサン</t>
    </rPh>
    <rPh sb="40" eb="42">
      <t>サンテイ</t>
    </rPh>
    <rPh sb="44" eb="47">
      <t>リヨウシャ</t>
    </rPh>
    <rPh sb="48" eb="49">
      <t>シ</t>
    </rPh>
    <rPh sb="51" eb="53">
      <t>ワリアイ</t>
    </rPh>
    <phoneticPr fontId="2"/>
  </si>
  <si>
    <t>３　算定日が属する月の前３月間において、利用者の総数のうち、特別管理加算を算定した利用者の占める割合</t>
    <rPh sb="2" eb="4">
      <t>サンテイ</t>
    </rPh>
    <rPh sb="4" eb="5">
      <t>ビ</t>
    </rPh>
    <rPh sb="6" eb="7">
      <t>ゾク</t>
    </rPh>
    <rPh sb="9" eb="10">
      <t>ツキ</t>
    </rPh>
    <rPh sb="11" eb="12">
      <t>マエ</t>
    </rPh>
    <rPh sb="13" eb="14">
      <t>ツキ</t>
    </rPh>
    <rPh sb="14" eb="15">
      <t>カン</t>
    </rPh>
    <rPh sb="20" eb="23">
      <t>リヨウシャ</t>
    </rPh>
    <rPh sb="24" eb="26">
      <t>ソウスウ</t>
    </rPh>
    <rPh sb="30" eb="32">
      <t>トクベツ</t>
    </rPh>
    <rPh sb="32" eb="34">
      <t>カンリ</t>
    </rPh>
    <rPh sb="34" eb="36">
      <t>カサン</t>
    </rPh>
    <rPh sb="37" eb="39">
      <t>サンテイ</t>
    </rPh>
    <rPh sb="41" eb="44">
      <t>リヨウシャ</t>
    </rPh>
    <rPh sb="45" eb="46">
      <t>シ</t>
    </rPh>
    <rPh sb="48" eb="50">
      <t>ワリアイ</t>
    </rPh>
    <phoneticPr fontId="2"/>
  </si>
  <si>
    <t>看護小規模多機能型居宅介護計画、看護小規模多機能型居宅介護記録書等</t>
    <rPh sb="0" eb="2">
      <t>カンゴ</t>
    </rPh>
    <rPh sb="2" eb="5">
      <t>ショウキボ</t>
    </rPh>
    <rPh sb="5" eb="9">
      <t>タキノウガタ</t>
    </rPh>
    <rPh sb="9" eb="11">
      <t>キョタク</t>
    </rPh>
    <rPh sb="11" eb="13">
      <t>カイゴ</t>
    </rPh>
    <rPh sb="13" eb="15">
      <t>ケイカク</t>
    </rPh>
    <rPh sb="16" eb="18">
      <t>カンゴ</t>
    </rPh>
    <rPh sb="18" eb="21">
      <t>ショウキボ</t>
    </rPh>
    <rPh sb="21" eb="25">
      <t>タキノウガタ</t>
    </rPh>
    <rPh sb="25" eb="27">
      <t>キョタク</t>
    </rPh>
    <rPh sb="27" eb="29">
      <t>カイゴ</t>
    </rPh>
    <rPh sb="29" eb="32">
      <t>キロクショ</t>
    </rPh>
    <rPh sb="32" eb="33">
      <t>トウ</t>
    </rPh>
    <phoneticPr fontId="2"/>
  </si>
  <si>
    <t>608 看護小規模多機能型居宅介護費</t>
    <rPh sb="4" eb="6">
      <t>カンゴ</t>
    </rPh>
    <rPh sb="6" eb="9">
      <t>ショウキボ</t>
    </rPh>
    <rPh sb="9" eb="13">
      <t>タキノウガタ</t>
    </rPh>
    <rPh sb="13" eb="15">
      <t>キョタク</t>
    </rPh>
    <rPh sb="15" eb="18">
      <t>カイゴヒ</t>
    </rPh>
    <phoneticPr fontId="2"/>
  </si>
  <si>
    <t>介護職員処遇改善計画書</t>
    <rPh sb="0" eb="2">
      <t>カイゴ</t>
    </rPh>
    <rPh sb="2" eb="4">
      <t>ショクイン</t>
    </rPh>
    <rPh sb="4" eb="6">
      <t>ショグウ</t>
    </rPh>
    <rPh sb="6" eb="8">
      <t>カイゼン</t>
    </rPh>
    <rPh sb="8" eb="11">
      <t>ケイカクショ</t>
    </rPh>
    <phoneticPr fontId="2"/>
  </si>
  <si>
    <t>若年性認知症利用者受入加算</t>
    <phoneticPr fontId="2"/>
  </si>
  <si>
    <t>若年性認知利用者（初老期における認知症によって要介護者となった者）</t>
    <phoneticPr fontId="2"/>
  </si>
  <si>
    <t>特別管理加算の対象者</t>
    <rPh sb="0" eb="2">
      <t>トクベツ</t>
    </rPh>
    <rPh sb="2" eb="4">
      <t>カンリ</t>
    </rPh>
    <rPh sb="4" eb="6">
      <t>カサン</t>
    </rPh>
    <rPh sb="7" eb="9">
      <t>タイショウ</t>
    </rPh>
    <rPh sb="9" eb="10">
      <t>シャ</t>
    </rPh>
    <phoneticPr fontId="2"/>
  </si>
  <si>
    <t>１名以上</t>
    <rPh sb="1" eb="2">
      <t>メイ</t>
    </rPh>
    <rPh sb="2" eb="4">
      <t>イジョウ</t>
    </rPh>
    <phoneticPr fontId="2"/>
  </si>
  <si>
    <t>２名以上</t>
    <rPh sb="1" eb="2">
      <t>メイ</t>
    </rPh>
    <rPh sb="2" eb="4">
      <t>イジョウ</t>
    </rPh>
    <phoneticPr fontId="2"/>
  </si>
  <si>
    <t>訪問体制強化加算</t>
    <rPh sb="0" eb="2">
      <t>ホウモン</t>
    </rPh>
    <rPh sb="2" eb="4">
      <t>タイセイ</t>
    </rPh>
    <rPh sb="4" eb="6">
      <t>キョウカ</t>
    </rPh>
    <rPh sb="6" eb="8">
      <t>カサン</t>
    </rPh>
    <phoneticPr fontId="2"/>
  </si>
  <si>
    <t>１　訪問サービスも行っている常勤者</t>
    <rPh sb="2" eb="4">
      <t>ホウモン</t>
    </rPh>
    <rPh sb="9" eb="10">
      <t>オコナ</t>
    </rPh>
    <rPh sb="14" eb="17">
      <t>ジョウキンシャ</t>
    </rPh>
    <phoneticPr fontId="2"/>
  </si>
  <si>
    <t>２　１月当たりの延べ訪問回数200回以上</t>
    <rPh sb="3" eb="4">
      <t>ツキ</t>
    </rPh>
    <rPh sb="4" eb="5">
      <t>ア</t>
    </rPh>
    <rPh sb="8" eb="9">
      <t>ノ</t>
    </rPh>
    <rPh sb="10" eb="12">
      <t>ホウモン</t>
    </rPh>
    <rPh sb="12" eb="14">
      <t>カイスウ</t>
    </rPh>
    <rPh sb="17" eb="18">
      <t>カイ</t>
    </rPh>
    <rPh sb="18" eb="20">
      <t>イジョウ</t>
    </rPh>
    <phoneticPr fontId="2"/>
  </si>
  <si>
    <t>一時的に頻回の訪問看護を行う必要がある旨の特別指示又は特別指示書</t>
    <rPh sb="0" eb="3">
      <t>イチジテキ</t>
    </rPh>
    <rPh sb="4" eb="6">
      <t>ヒンカイ</t>
    </rPh>
    <rPh sb="7" eb="9">
      <t>ホウモン</t>
    </rPh>
    <rPh sb="9" eb="11">
      <t>カンゴ</t>
    </rPh>
    <rPh sb="12" eb="13">
      <t>オコナ</t>
    </rPh>
    <rPh sb="14" eb="16">
      <t>ヒツヨウ</t>
    </rPh>
    <rPh sb="19" eb="20">
      <t>ムネ</t>
    </rPh>
    <rPh sb="21" eb="23">
      <t>トクベツ</t>
    </rPh>
    <rPh sb="23" eb="25">
      <t>シジ</t>
    </rPh>
    <rPh sb="25" eb="26">
      <t>マタ</t>
    </rPh>
    <rPh sb="27" eb="29">
      <t>トクベツ</t>
    </rPh>
    <rPh sb="29" eb="32">
      <t>シジショ</t>
    </rPh>
    <phoneticPr fontId="2"/>
  </si>
  <si>
    <t>該当</t>
    <phoneticPr fontId="2"/>
  </si>
  <si>
    <t>サテライト体制未整備減算</t>
    <rPh sb="5" eb="7">
      <t>タイセイ</t>
    </rPh>
    <rPh sb="7" eb="10">
      <t>ミセイビ</t>
    </rPh>
    <rPh sb="10" eb="12">
      <t>ゲンサン</t>
    </rPh>
    <phoneticPr fontId="2"/>
  </si>
  <si>
    <t>サテライト型看護小規模多機能型居宅介護事業所を有し訪問看護体制減算を届け出ている</t>
    <rPh sb="5" eb="22">
      <t>ガタカンゴショウキボタキノウガタキョタクカイゴジギョウショ</t>
    </rPh>
    <rPh sb="25" eb="27">
      <t>ホウモン</t>
    </rPh>
    <rPh sb="27" eb="29">
      <t>カンゴ</t>
    </rPh>
    <rPh sb="29" eb="31">
      <t>タイセイ</t>
    </rPh>
    <rPh sb="31" eb="33">
      <t>ゲンサン</t>
    </rPh>
    <rPh sb="34" eb="35">
      <t>トド</t>
    </rPh>
    <rPh sb="36" eb="37">
      <t>デ</t>
    </rPh>
    <phoneticPr fontId="2"/>
  </si>
  <si>
    <t>中山間地域等におけるサービス提供</t>
    <rPh sb="0" eb="3">
      <t>チュウサンカン</t>
    </rPh>
    <rPh sb="3" eb="5">
      <t>チイキ</t>
    </rPh>
    <rPh sb="5" eb="6">
      <t>トウ</t>
    </rPh>
    <rPh sb="14" eb="16">
      <t>テイキョウ</t>
    </rPh>
    <phoneticPr fontId="2"/>
  </si>
  <si>
    <t>特別地域・中山間地域等におけるサービス提供</t>
    <rPh sb="0" eb="2">
      <t>トクベツ</t>
    </rPh>
    <rPh sb="2" eb="4">
      <t>チイキ</t>
    </rPh>
    <rPh sb="5" eb="8">
      <t>チュウサンカン</t>
    </rPh>
    <rPh sb="8" eb="10">
      <t>チイキ</t>
    </rPh>
    <rPh sb="10" eb="11">
      <t>トウ</t>
    </rPh>
    <rPh sb="19" eb="21">
      <t>テイキョウ</t>
    </rPh>
    <phoneticPr fontId="2"/>
  </si>
  <si>
    <t>医療保険の訪問看護</t>
    <rPh sb="0" eb="2">
      <t>イリョウ</t>
    </rPh>
    <rPh sb="2" eb="4">
      <t>ホケン</t>
    </rPh>
    <rPh sb="5" eb="7">
      <t>ホウモン</t>
    </rPh>
    <rPh sb="7" eb="9">
      <t>カンゴ</t>
    </rPh>
    <phoneticPr fontId="2"/>
  </si>
  <si>
    <t>１、２、３及び４の割合及び人数の記録（毎月）</t>
    <rPh sb="5" eb="6">
      <t>オヨ</t>
    </rPh>
    <rPh sb="9" eb="11">
      <t>ワリアイ</t>
    </rPh>
    <rPh sb="11" eb="12">
      <t>オヨ</t>
    </rPh>
    <rPh sb="13" eb="15">
      <t>ニンズウ</t>
    </rPh>
    <rPh sb="16" eb="18">
      <t>キロク</t>
    </rPh>
    <rPh sb="19" eb="21">
      <t>マイツキ</t>
    </rPh>
    <phoneticPr fontId="2"/>
  </si>
  <si>
    <t>24時間対応体制加算の算定（医療保険）</t>
    <rPh sb="2" eb="4">
      <t>ジカン</t>
    </rPh>
    <rPh sb="4" eb="6">
      <t>タイオウ</t>
    </rPh>
    <rPh sb="6" eb="8">
      <t>タイセイ</t>
    </rPh>
    <rPh sb="8" eb="10">
      <t>カサン</t>
    </rPh>
    <rPh sb="11" eb="13">
      <t>サンテイ</t>
    </rPh>
    <rPh sb="14" eb="16">
      <t>イリョウ</t>
    </rPh>
    <rPh sb="16" eb="18">
      <t>ホケン</t>
    </rPh>
    <phoneticPr fontId="2"/>
  </si>
  <si>
    <t>あらかじめ７日以内（やむを得ない事情がある場合は14日以内）の利用期間を定めている</t>
    <rPh sb="6" eb="7">
      <t>ニチ</t>
    </rPh>
    <rPh sb="7" eb="9">
      <t>イナイ</t>
    </rPh>
    <rPh sb="13" eb="14">
      <t>エ</t>
    </rPh>
    <rPh sb="16" eb="18">
      <t>ジジョウ</t>
    </rPh>
    <rPh sb="21" eb="23">
      <t>バアイ</t>
    </rPh>
    <rPh sb="26" eb="27">
      <t>ニチ</t>
    </rPh>
    <rPh sb="27" eb="29">
      <t>イナイ</t>
    </rPh>
    <rPh sb="31" eb="33">
      <t>リヨウ</t>
    </rPh>
    <rPh sb="33" eb="35">
      <t>キカン</t>
    </rPh>
    <rPh sb="36" eb="37">
      <t>サダ</t>
    </rPh>
    <phoneticPr fontId="2"/>
  </si>
  <si>
    <t>登録者１人あたりの平均提供回数、週４回に満たない場合</t>
    <rPh sb="0" eb="3">
      <t>トウロクシャ</t>
    </rPh>
    <rPh sb="4" eb="5">
      <t>ニン</t>
    </rPh>
    <rPh sb="9" eb="11">
      <t>ヘイキン</t>
    </rPh>
    <rPh sb="11" eb="13">
      <t>テイキョウ</t>
    </rPh>
    <rPh sb="13" eb="15">
      <t>カイスウ</t>
    </rPh>
    <rPh sb="16" eb="17">
      <t>シュウ</t>
    </rPh>
    <rPh sb="18" eb="19">
      <t>カイ</t>
    </rPh>
    <rPh sb="20" eb="21">
      <t>ミ</t>
    </rPh>
    <rPh sb="24" eb="26">
      <t>バアイ</t>
    </rPh>
    <phoneticPr fontId="2"/>
  </si>
  <si>
    <t>末期の悪性腫瘍、多発性硬化症、重症筋無力症、スモン、筋萎縮性側索硬化症、脊髄小脳変性症、ハンチントン病、進行性筋ジストロフィー症、パーキンソン病関連疾患（進行性核上性麻痺、大脳皮質基底核変性症及びパーキンソン病（ホーエン・ヤールの重症度分類がステージ３以上であって生活機能障害度がⅡ度又はⅢ度のものに限る。）をいう。）、多系統萎縮症（線条体黒質変性症、オリーブ橋小脳萎縮症及びシャイ・ドレーガー症候群をいう。）、プリオン病、亜急性硬化性全脳炎、ライソゾーム病、副腎白質ジストロフィー、脊髄性筋萎縮症、球脊髄性筋萎縮症、慢性炎症性脱随性多発神経炎、後天性免疫不全症候群、頚(けい)髄損傷及び人工呼吸器を使用している状態</t>
    <rPh sb="0" eb="2">
      <t>マッキ</t>
    </rPh>
    <rPh sb="3" eb="5">
      <t>アクセイ</t>
    </rPh>
    <rPh sb="5" eb="7">
      <t>シュヨウ</t>
    </rPh>
    <phoneticPr fontId="2"/>
  </si>
  <si>
    <t>多発性硬化症、重症筋無力症、スモン、筋萎縮性側索硬化症、脊髄小脳変性症、ハンチントン病、進行性筋ジストロフィー症、パーキンソン病関連疾患（進行性核上性麻痺、大脳皮質基底核変性症及びパーキンソン病（ホーエン・ヤールの重症度分類がステージ３以上であって生活機能障害度がⅡ度又はⅢ度のものに限る。）をいう。）、多系統萎縮症（線条体黒質変性症、オリーブ橋小脳萎縮症及びシャイ・ドレーガー症候群をいう。）、プリオン病、亜急性硬化性全脳炎、ライソゾーム病、副腎白質ジストロフィー、脊髄性筋萎縮症、球脊髄性筋萎縮症、慢性炎症性脱随性多発神経炎、後天性免疫不全症候群、頚(けい)髄損傷及び人工呼吸器を使用している状態が、死亡日及び死亡日前14日以内に含まれる。</t>
    <rPh sb="302" eb="305">
      <t>シボウビ</t>
    </rPh>
    <rPh sb="305" eb="306">
      <t>オヨ</t>
    </rPh>
    <rPh sb="307" eb="310">
      <t>シボウビ</t>
    </rPh>
    <rPh sb="310" eb="311">
      <t>マエ</t>
    </rPh>
    <rPh sb="313" eb="314">
      <t>ニチ</t>
    </rPh>
    <rPh sb="314" eb="316">
      <t>イナイ</t>
    </rPh>
    <rPh sb="317" eb="318">
      <t>フク</t>
    </rPh>
    <phoneticPr fontId="2"/>
  </si>
  <si>
    <t>死亡日及び死亡前14日以内に２日以上のターミナルケアの実施（ターミナルケア後24時間以内に在宅以外で死亡した場合を含む。）</t>
    <rPh sb="0" eb="3">
      <t>シボウビ</t>
    </rPh>
    <rPh sb="3" eb="4">
      <t>オヨ</t>
    </rPh>
    <rPh sb="5" eb="7">
      <t>シボウ</t>
    </rPh>
    <rPh sb="7" eb="8">
      <t>マエ</t>
    </rPh>
    <rPh sb="10" eb="11">
      <t>ニチ</t>
    </rPh>
    <rPh sb="11" eb="13">
      <t>イナイ</t>
    </rPh>
    <rPh sb="15" eb="16">
      <t>ニチ</t>
    </rPh>
    <rPh sb="16" eb="18">
      <t>イジョウ</t>
    </rPh>
    <rPh sb="27" eb="29">
      <t>ジッシ</t>
    </rPh>
    <rPh sb="37" eb="38">
      <t>ゴ</t>
    </rPh>
    <rPh sb="40" eb="41">
      <t>トキ</t>
    </rPh>
    <rPh sb="41" eb="42">
      <t>アイダ</t>
    </rPh>
    <rPh sb="42" eb="44">
      <t>イナイ</t>
    </rPh>
    <rPh sb="45" eb="47">
      <t>ザイタク</t>
    </rPh>
    <rPh sb="47" eb="49">
      <t>イガイ</t>
    </rPh>
    <rPh sb="50" eb="52">
      <t>シボウ</t>
    </rPh>
    <rPh sb="54" eb="56">
      <t>バアイ</t>
    </rPh>
    <rPh sb="57" eb="58">
      <t>フク</t>
    </rPh>
    <phoneticPr fontId="2"/>
  </si>
  <si>
    <t>４　算定日が属する月の前12月間において、ターミナルケア加算を算定した利用者の数</t>
    <rPh sb="2" eb="4">
      <t>サンテイ</t>
    </rPh>
    <rPh sb="4" eb="5">
      <t>ビ</t>
    </rPh>
    <rPh sb="6" eb="7">
      <t>ゾク</t>
    </rPh>
    <rPh sb="9" eb="10">
      <t>ツキ</t>
    </rPh>
    <rPh sb="11" eb="12">
      <t>マエ</t>
    </rPh>
    <rPh sb="14" eb="15">
      <t>ツキ</t>
    </rPh>
    <rPh sb="15" eb="16">
      <t>カン</t>
    </rPh>
    <rPh sb="28" eb="30">
      <t>カサン</t>
    </rPh>
    <rPh sb="31" eb="33">
      <t>サンテイ</t>
    </rPh>
    <rPh sb="35" eb="38">
      <t>リヨウシャ</t>
    </rPh>
    <rPh sb="39" eb="40">
      <t>カズ</t>
    </rPh>
    <phoneticPr fontId="2"/>
  </si>
  <si>
    <t>特別地域看護小規模多機能型居宅介護加算</t>
    <phoneticPr fontId="2"/>
  </si>
  <si>
    <t>□</t>
  </si>
  <si>
    <t>看護小規模多機能型居宅介護従業者が指定看護小規模多機能型居宅介護を行った場合</t>
    <phoneticPr fontId="2"/>
  </si>
  <si>
    <t>認知症行動・心理症状緊急対応加算</t>
    <rPh sb="0" eb="3">
      <t>ニンチショウ</t>
    </rPh>
    <rPh sb="3" eb="5">
      <t>コウドウ</t>
    </rPh>
    <rPh sb="6" eb="8">
      <t>シンリ</t>
    </rPh>
    <rPh sb="8" eb="10">
      <t>ショウジョウ</t>
    </rPh>
    <rPh sb="10" eb="12">
      <t>キンキュウ</t>
    </rPh>
    <rPh sb="12" eb="14">
      <t>タイオウ</t>
    </rPh>
    <rPh sb="14" eb="16">
      <t>カサン</t>
    </rPh>
    <phoneticPr fontId="2"/>
  </si>
  <si>
    <t>医師が、認知症の行動・心理症状が認められるため、在宅での生活が困難であり、緊急に指定看護小規模多機能型居宅介護を利用することが適当であると判断した者に対して行った場合</t>
    <rPh sb="75" eb="76">
      <t>タイ</t>
    </rPh>
    <phoneticPr fontId="2"/>
  </si>
  <si>
    <t>栄養アセスメント加算</t>
    <rPh sb="0" eb="2">
      <t>エイヨウ</t>
    </rPh>
    <rPh sb="8" eb="10">
      <t>カサン</t>
    </rPh>
    <phoneticPr fontId="2"/>
  </si>
  <si>
    <t>実施</t>
    <rPh sb="0" eb="2">
      <t>ジッシ</t>
    </rPh>
    <phoneticPr fontId="2"/>
  </si>
  <si>
    <t>栄養改善加算</t>
    <rPh sb="0" eb="2">
      <t>エイヨウ</t>
    </rPh>
    <rPh sb="2" eb="4">
      <t>カイゼン</t>
    </rPh>
    <rPh sb="4" eb="6">
      <t>カサン</t>
    </rPh>
    <phoneticPr fontId="2"/>
  </si>
  <si>
    <t>褥瘡マネジメント加算Ⅰ</t>
    <rPh sb="8" eb="10">
      <t>カサン</t>
    </rPh>
    <phoneticPr fontId="2"/>
  </si>
  <si>
    <t>褥瘡マネジメント加算Ⅱ</t>
    <rPh sb="8" eb="10">
      <t>カサン</t>
    </rPh>
    <phoneticPr fontId="2"/>
  </si>
  <si>
    <t>配置</t>
    <rPh sb="0" eb="2">
      <t>ハイチ</t>
    </rPh>
    <phoneticPr fontId="2"/>
  </si>
  <si>
    <t>排せつ支援加算Ⅱ</t>
    <rPh sb="0" eb="1">
      <t>ハイ</t>
    </rPh>
    <rPh sb="3" eb="5">
      <t>シエン</t>
    </rPh>
    <rPh sb="5" eb="7">
      <t>カサン</t>
    </rPh>
    <phoneticPr fontId="2"/>
  </si>
  <si>
    <t>排せつ支援加算Ⅰ</t>
    <rPh sb="0" eb="1">
      <t>ハイ</t>
    </rPh>
    <rPh sb="3" eb="5">
      <t>シエン</t>
    </rPh>
    <rPh sb="5" eb="7">
      <t>カサン</t>
    </rPh>
    <phoneticPr fontId="2"/>
  </si>
  <si>
    <t>支援計画の見直し</t>
    <phoneticPr fontId="2"/>
  </si>
  <si>
    <t>３月に１回以上</t>
    <rPh sb="1" eb="2">
      <t>ガツ</t>
    </rPh>
    <rPh sb="4" eb="7">
      <t>カイイジョウ</t>
    </rPh>
    <phoneticPr fontId="2"/>
  </si>
  <si>
    <t>多職種が共同して、支援計画を作成し、継続して実施</t>
    <rPh sb="0" eb="1">
      <t>タ</t>
    </rPh>
    <rPh sb="1" eb="3">
      <t>ショクシュ</t>
    </rPh>
    <phoneticPr fontId="2"/>
  </si>
  <si>
    <t>科学的介護推進体制加算</t>
    <rPh sb="9" eb="11">
      <t>カサン</t>
    </rPh>
    <phoneticPr fontId="2"/>
  </si>
  <si>
    <t>いずれか該当</t>
    <rPh sb="4" eb="6">
      <t>ガイトウ</t>
    </rPh>
    <phoneticPr fontId="2"/>
  </si>
  <si>
    <t>中山間地域等における小規模事業所加算</t>
    <rPh sb="0" eb="1">
      <t>チュウ</t>
    </rPh>
    <rPh sb="1" eb="2">
      <t>ヤマ</t>
    </rPh>
    <rPh sb="2" eb="3">
      <t>アイダ</t>
    </rPh>
    <rPh sb="3" eb="5">
      <t>チイキ</t>
    </rPh>
    <rPh sb="5" eb="6">
      <t>トウ</t>
    </rPh>
    <rPh sb="10" eb="13">
      <t>ショウキボ</t>
    </rPh>
    <rPh sb="13" eb="16">
      <t>ジギョウショ</t>
    </rPh>
    <rPh sb="16" eb="18">
      <t>カサン</t>
    </rPh>
    <phoneticPr fontId="2"/>
  </si>
  <si>
    <t>厚生労働大臣が定める地域に所在する指定看護小規模多機能型居宅介護事業所の看護小規模多機能型居宅介護従業者が指定看護小規模多機能型居宅介護を行った場合</t>
    <phoneticPr fontId="2"/>
  </si>
  <si>
    <t>要介護度３以上の利用者全員を対象としてること</t>
    <phoneticPr fontId="2"/>
  </si>
  <si>
    <t>看護小規模多機能型居宅介護計画</t>
    <rPh sb="0" eb="2">
      <t>カンゴ</t>
    </rPh>
    <rPh sb="2" eb="5">
      <t>ショウキボ</t>
    </rPh>
    <rPh sb="5" eb="9">
      <t>タキノウガタ</t>
    </rPh>
    <rPh sb="9" eb="11">
      <t>キョタク</t>
    </rPh>
    <rPh sb="11" eb="13">
      <t>カイゴ</t>
    </rPh>
    <rPh sb="13" eb="15">
      <t>ケイカク</t>
    </rPh>
    <phoneticPr fontId="2"/>
  </si>
  <si>
    <t>支援計画</t>
    <rPh sb="0" eb="2">
      <t>シエン</t>
    </rPh>
    <rPh sb="2" eb="4">
      <t>ケイカク</t>
    </rPh>
    <phoneticPr fontId="2"/>
  </si>
  <si>
    <t>要介護度３以上の利用者全員を対象としていること</t>
    <phoneticPr fontId="2"/>
  </si>
  <si>
    <t>看護小規模多機能型居宅介護計画</t>
    <phoneticPr fontId="2"/>
  </si>
  <si>
    <t>栄養ケア計画(参考様式)</t>
    <rPh sb="0" eb="2">
      <t>エイヨウ</t>
    </rPh>
    <rPh sb="4" eb="6">
      <t>ケイカク</t>
    </rPh>
    <rPh sb="7" eb="9">
      <t>サンコウ</t>
    </rPh>
    <rPh sb="9" eb="11">
      <t>ヨウシキ</t>
    </rPh>
    <phoneticPr fontId="2"/>
  </si>
  <si>
    <t>利用者等に対する計画の説明及び同意の有無</t>
    <rPh sb="0" eb="3">
      <t>リヨウシャ</t>
    </rPh>
    <rPh sb="3" eb="4">
      <t>トウ</t>
    </rPh>
    <rPh sb="5" eb="6">
      <t>タイ</t>
    </rPh>
    <rPh sb="8" eb="10">
      <t>ケイカク</t>
    </rPh>
    <rPh sb="11" eb="13">
      <t>セツメイ</t>
    </rPh>
    <rPh sb="13" eb="14">
      <t>オヨ</t>
    </rPh>
    <rPh sb="15" eb="17">
      <t>ドウイ</t>
    </rPh>
    <rPh sb="18" eb="20">
      <t>ウム</t>
    </rPh>
    <phoneticPr fontId="2"/>
  </si>
  <si>
    <t>栄養ケア提供経過記録
(参考様式)</t>
    <rPh sb="0" eb="2">
      <t>エイヨウ</t>
    </rPh>
    <rPh sb="4" eb="6">
      <t>テイキョウ</t>
    </rPh>
    <rPh sb="6" eb="8">
      <t>ケイカ</t>
    </rPh>
    <rPh sb="8" eb="10">
      <t>キロク</t>
    </rPh>
    <rPh sb="12" eb="14">
      <t>サンコウ</t>
    </rPh>
    <rPh sb="14" eb="16">
      <t>ヨウシキ</t>
    </rPh>
    <phoneticPr fontId="2"/>
  </si>
  <si>
    <t>栄養ケアモニタリング
(参考様式)</t>
    <rPh sb="0" eb="2">
      <t>エイヨウ</t>
    </rPh>
    <rPh sb="12" eb="14">
      <t>サンコウ</t>
    </rPh>
    <rPh sb="14" eb="16">
      <t>ヨウシキ</t>
    </rPh>
    <phoneticPr fontId="2"/>
  </si>
  <si>
    <t>月の算定回数</t>
    <rPh sb="0" eb="1">
      <t>ツキ</t>
    </rPh>
    <rPh sb="2" eb="4">
      <t>サンテイ</t>
    </rPh>
    <rPh sb="4" eb="6">
      <t>カイスウ</t>
    </rPh>
    <phoneticPr fontId="2"/>
  </si>
  <si>
    <t>２回以下</t>
    <rPh sb="1" eb="2">
      <t>カイ</t>
    </rPh>
    <rPh sb="2" eb="4">
      <t>イカ</t>
    </rPh>
    <phoneticPr fontId="2"/>
  </si>
  <si>
    <t>非該当</t>
    <rPh sb="0" eb="1">
      <t>ヒ</t>
    </rPh>
    <rPh sb="1" eb="3">
      <t>ガイトウ</t>
    </rPh>
    <phoneticPr fontId="2"/>
  </si>
  <si>
    <t>サービス提供体制強化加算（Ⅰ）</t>
    <rPh sb="4" eb="6">
      <t>テイキョウ</t>
    </rPh>
    <rPh sb="6" eb="8">
      <t>タイセイ</t>
    </rPh>
    <rPh sb="8" eb="10">
      <t>キョウカ</t>
    </rPh>
    <rPh sb="10" eb="12">
      <t>カサン</t>
    </rPh>
    <phoneticPr fontId="2"/>
  </si>
  <si>
    <t>サービス提供体制強化加算（Ⅰ）又は（Ⅱ）を算定していない</t>
    <rPh sb="4" eb="6">
      <t>テイキョウ</t>
    </rPh>
    <rPh sb="6" eb="8">
      <t>タイセイ</t>
    </rPh>
    <rPh sb="8" eb="10">
      <t>キョウカ</t>
    </rPh>
    <rPh sb="10" eb="12">
      <t>カサン</t>
    </rPh>
    <rPh sb="15" eb="16">
      <t>マタ</t>
    </rPh>
    <rPh sb="21" eb="23">
      <t>サンテイ</t>
    </rPh>
    <phoneticPr fontId="2"/>
  </si>
  <si>
    <t>定員、人員基準に適合</t>
    <phoneticPr fontId="2"/>
  </si>
  <si>
    <t>５　登録特定行為事業者又は登録喀痰吸引等事業者として届出がなされていること</t>
    <phoneticPr fontId="2"/>
  </si>
  <si>
    <t>利用者や家族の状況により、ケアマネが必要と認め、登録者へのサービス提供に支障の有無</t>
    <rPh sb="0" eb="3">
      <t>リヨウシャ</t>
    </rPh>
    <rPh sb="4" eb="6">
      <t>カゾク</t>
    </rPh>
    <rPh sb="7" eb="9">
      <t>ジョウキョウ</t>
    </rPh>
    <rPh sb="18" eb="20">
      <t>ヒツヨウ</t>
    </rPh>
    <rPh sb="21" eb="22">
      <t>ミト</t>
    </rPh>
    <rPh sb="24" eb="27">
      <t>トウロクシャ</t>
    </rPh>
    <rPh sb="33" eb="35">
      <t>テイキョウ</t>
    </rPh>
    <rPh sb="36" eb="38">
      <t>シショウ</t>
    </rPh>
    <rPh sb="39" eb="41">
      <t>ウム</t>
    </rPh>
    <phoneticPr fontId="2"/>
  </si>
  <si>
    <t>当該事業所の従業者として又は外部との連携により管理栄養士が１名以上</t>
    <phoneticPr fontId="2"/>
  </si>
  <si>
    <t>栄養ケア計画の評価、介護支援専門員や主治の医師に対する情報提供</t>
    <rPh sb="21" eb="23">
      <t>イシ</t>
    </rPh>
    <phoneticPr fontId="2"/>
  </si>
  <si>
    <t>３月ごとに実施</t>
    <rPh sb="5" eb="7">
      <t>ジッシ</t>
    </rPh>
    <phoneticPr fontId="2"/>
  </si>
  <si>
    <t>口腔・栄養スクリーニング加算Ⅰ</t>
    <rPh sb="0" eb="2">
      <t>コウクウ</t>
    </rPh>
    <rPh sb="3" eb="5">
      <t>エイヨウ</t>
    </rPh>
    <rPh sb="12" eb="14">
      <t>カサン</t>
    </rPh>
    <phoneticPr fontId="2"/>
  </si>
  <si>
    <t>定員、人員基準に適合</t>
    <rPh sb="0" eb="2">
      <t>テイイン</t>
    </rPh>
    <rPh sb="3" eb="5">
      <t>ジンイン</t>
    </rPh>
    <rPh sb="5" eb="7">
      <t>キジュン</t>
    </rPh>
    <rPh sb="8" eb="10">
      <t>テキゴウ</t>
    </rPh>
    <phoneticPr fontId="4"/>
  </si>
  <si>
    <t>該当</t>
    <rPh sb="0" eb="2">
      <t>ガイトウ</t>
    </rPh>
    <phoneticPr fontId="4"/>
  </si>
  <si>
    <t>口腔機能向上加算（Ⅰ）</t>
    <rPh sb="0" eb="2">
      <t>コウクウ</t>
    </rPh>
    <rPh sb="2" eb="4">
      <t>キノウ</t>
    </rPh>
    <rPh sb="4" eb="6">
      <t>コウジョウ</t>
    </rPh>
    <rPh sb="6" eb="8">
      <t>カサン</t>
    </rPh>
    <phoneticPr fontId="2"/>
  </si>
  <si>
    <t>言語聴覚士、歯科衛生士又は看護職員を１名以上配置</t>
    <rPh sb="0" eb="2">
      <t>ゲンゴ</t>
    </rPh>
    <rPh sb="2" eb="5">
      <t>チョウカクシ</t>
    </rPh>
    <rPh sb="6" eb="8">
      <t>シカ</t>
    </rPh>
    <rPh sb="8" eb="11">
      <t>エイセイシ</t>
    </rPh>
    <rPh sb="11" eb="12">
      <t>マタ</t>
    </rPh>
    <rPh sb="13" eb="15">
      <t>カンゴ</t>
    </rPh>
    <rPh sb="15" eb="17">
      <t>ショクイン</t>
    </rPh>
    <rPh sb="19" eb="20">
      <t>ナ</t>
    </rPh>
    <rPh sb="20" eb="24">
      <t>イジョウハイチ</t>
    </rPh>
    <phoneticPr fontId="2"/>
  </si>
  <si>
    <t>言語聴覚士、歯科衛生士、看護職員、介護職員、生活相談員その他の職種の者が共同して口腔機能改善管理指導計画の作成</t>
    <rPh sb="0" eb="2">
      <t>ゲンゴ</t>
    </rPh>
    <rPh sb="2" eb="5">
      <t>チョウカクシ</t>
    </rPh>
    <rPh sb="6" eb="8">
      <t>シカ</t>
    </rPh>
    <rPh sb="8" eb="11">
      <t>エイセイシ</t>
    </rPh>
    <rPh sb="12" eb="14">
      <t>カンゴ</t>
    </rPh>
    <rPh sb="14" eb="16">
      <t>ショクイン</t>
    </rPh>
    <rPh sb="17" eb="19">
      <t>カイゴ</t>
    </rPh>
    <rPh sb="19" eb="21">
      <t>ショクイン</t>
    </rPh>
    <rPh sb="22" eb="24">
      <t>セイカツ</t>
    </rPh>
    <rPh sb="24" eb="27">
      <t>ソウダンイン</t>
    </rPh>
    <rPh sb="29" eb="30">
      <t>タ</t>
    </rPh>
    <rPh sb="31" eb="33">
      <t>ショクシュ</t>
    </rPh>
    <rPh sb="34" eb="35">
      <t>モノ</t>
    </rPh>
    <rPh sb="36" eb="38">
      <t>キョウドウ</t>
    </rPh>
    <rPh sb="40" eb="42">
      <t>コウクウ</t>
    </rPh>
    <rPh sb="42" eb="44">
      <t>キノウ</t>
    </rPh>
    <rPh sb="44" eb="46">
      <t>カイゼン</t>
    </rPh>
    <rPh sb="46" eb="48">
      <t>カンリ</t>
    </rPh>
    <rPh sb="48" eb="50">
      <t>シドウ</t>
    </rPh>
    <rPh sb="50" eb="52">
      <t>ケイカク</t>
    </rPh>
    <rPh sb="53" eb="55">
      <t>サクセイ</t>
    </rPh>
    <phoneticPr fontId="2"/>
  </si>
  <si>
    <t>口腔機能改善管理指導計画・管理指導計画(参考様式)</t>
    <rPh sb="0" eb="2">
      <t>コウクウ</t>
    </rPh>
    <rPh sb="2" eb="4">
      <t>キノウ</t>
    </rPh>
    <rPh sb="4" eb="6">
      <t>カイゼン</t>
    </rPh>
    <rPh sb="6" eb="8">
      <t>カンリ</t>
    </rPh>
    <rPh sb="8" eb="10">
      <t>シドウ</t>
    </rPh>
    <rPh sb="10" eb="12">
      <t>ケイカク</t>
    </rPh>
    <rPh sb="13" eb="15">
      <t>カンリ</t>
    </rPh>
    <rPh sb="15" eb="17">
      <t>シドウ</t>
    </rPh>
    <rPh sb="17" eb="19">
      <t>ケイカク</t>
    </rPh>
    <rPh sb="20" eb="22">
      <t>サンコウ</t>
    </rPh>
    <rPh sb="22" eb="24">
      <t>ヨウシキ</t>
    </rPh>
    <phoneticPr fontId="2"/>
  </si>
  <si>
    <t>口腔機能改善管理指導計画に基づく言語聴覚士、歯科衛生士又は看護職員による口腔機能向上サービスの提供、定期的な記録作成</t>
    <rPh sb="0" eb="2">
      <t>コウクウ</t>
    </rPh>
    <rPh sb="2" eb="4">
      <t>キノウ</t>
    </rPh>
    <rPh sb="4" eb="6">
      <t>カイゼン</t>
    </rPh>
    <rPh sb="6" eb="8">
      <t>カンリ</t>
    </rPh>
    <rPh sb="8" eb="10">
      <t>シドウ</t>
    </rPh>
    <rPh sb="10" eb="12">
      <t>ケイカク</t>
    </rPh>
    <rPh sb="13" eb="14">
      <t>モト</t>
    </rPh>
    <rPh sb="16" eb="18">
      <t>ゲンゴ</t>
    </rPh>
    <rPh sb="18" eb="21">
      <t>チョウカクシ</t>
    </rPh>
    <rPh sb="22" eb="24">
      <t>シカ</t>
    </rPh>
    <rPh sb="24" eb="27">
      <t>エイセイシ</t>
    </rPh>
    <rPh sb="27" eb="28">
      <t>マタ</t>
    </rPh>
    <rPh sb="29" eb="31">
      <t>カンゴ</t>
    </rPh>
    <rPh sb="31" eb="33">
      <t>ショクイン</t>
    </rPh>
    <rPh sb="36" eb="38">
      <t>コウクウ</t>
    </rPh>
    <rPh sb="38" eb="40">
      <t>キノウ</t>
    </rPh>
    <rPh sb="40" eb="42">
      <t>コウジョウ</t>
    </rPh>
    <rPh sb="47" eb="49">
      <t>テイキョウ</t>
    </rPh>
    <rPh sb="50" eb="53">
      <t>テイキテキ</t>
    </rPh>
    <rPh sb="54" eb="56">
      <t>キロク</t>
    </rPh>
    <rPh sb="56" eb="58">
      <t>サクセイ</t>
    </rPh>
    <phoneticPr fontId="2"/>
  </si>
  <si>
    <t>利用者毎の口腔機能改善管理指導計画の進捗状況を定期的に評価、介護支援専門員、主治の医師・歯科医師への情報提供</t>
    <rPh sb="0" eb="3">
      <t>リヨウシャ</t>
    </rPh>
    <rPh sb="3" eb="4">
      <t>ゴト</t>
    </rPh>
    <rPh sb="15" eb="17">
      <t>ケイカク</t>
    </rPh>
    <rPh sb="18" eb="20">
      <t>シンチョク</t>
    </rPh>
    <rPh sb="20" eb="22">
      <t>ジョウキョウ</t>
    </rPh>
    <rPh sb="23" eb="26">
      <t>テイキテキ</t>
    </rPh>
    <rPh sb="27" eb="29">
      <t>ヒョウカ</t>
    </rPh>
    <rPh sb="50" eb="52">
      <t>ジョウホウ</t>
    </rPh>
    <rPh sb="52" eb="54">
      <t>テイキョウ</t>
    </rPh>
    <phoneticPr fontId="2"/>
  </si>
  <si>
    <t>３月ごとに実施</t>
    <rPh sb="1" eb="2">
      <t>ツキ</t>
    </rPh>
    <rPh sb="5" eb="7">
      <t>ジッシ</t>
    </rPh>
    <phoneticPr fontId="2"/>
  </si>
  <si>
    <t>口腔機能向上サービスのモニタリング(参考様式)</t>
    <rPh sb="0" eb="2">
      <t>コウクウ</t>
    </rPh>
    <rPh sb="2" eb="4">
      <t>キノウ</t>
    </rPh>
    <rPh sb="4" eb="6">
      <t>コウジョウ</t>
    </rPh>
    <rPh sb="18" eb="20">
      <t>サンコウ</t>
    </rPh>
    <rPh sb="20" eb="22">
      <t>ヨウシキ</t>
    </rPh>
    <phoneticPr fontId="2"/>
  </si>
  <si>
    <t>定員、人員基準に適合</t>
    <rPh sb="0" eb="2">
      <t>テイイン</t>
    </rPh>
    <rPh sb="3" eb="5">
      <t>ジンイン</t>
    </rPh>
    <rPh sb="5" eb="7">
      <t>キジュン</t>
    </rPh>
    <rPh sb="8" eb="10">
      <t>テキゴウ</t>
    </rPh>
    <phoneticPr fontId="2"/>
  </si>
  <si>
    <t>口腔機能向上加算(Ⅱ)</t>
    <phoneticPr fontId="2"/>
  </si>
  <si>
    <t>言語聴覚士、歯科衛生士、看護職員を１名以上配置</t>
    <rPh sb="0" eb="2">
      <t>ゲンゴ</t>
    </rPh>
    <rPh sb="2" eb="5">
      <t>チョウカクシ</t>
    </rPh>
    <rPh sb="6" eb="8">
      <t>シカ</t>
    </rPh>
    <rPh sb="8" eb="11">
      <t>エイセイシ</t>
    </rPh>
    <rPh sb="12" eb="14">
      <t>カンゴ</t>
    </rPh>
    <rPh sb="14" eb="16">
      <t>ショクイン</t>
    </rPh>
    <rPh sb="18" eb="19">
      <t>ナ</t>
    </rPh>
    <rPh sb="19" eb="23">
      <t>イジョウハイチ</t>
    </rPh>
    <phoneticPr fontId="2"/>
  </si>
  <si>
    <t>言語聴覚士、歯科衛生士、看護・介護職員等による口腔機能改善管理指導計画の作成</t>
    <rPh sb="0" eb="2">
      <t>ゲンゴ</t>
    </rPh>
    <rPh sb="2" eb="5">
      <t>チョウカクシ</t>
    </rPh>
    <rPh sb="6" eb="8">
      <t>シカ</t>
    </rPh>
    <rPh sb="8" eb="11">
      <t>エイセイシ</t>
    </rPh>
    <rPh sb="12" eb="14">
      <t>カンゴ</t>
    </rPh>
    <rPh sb="15" eb="17">
      <t>カイゴ</t>
    </rPh>
    <rPh sb="17" eb="19">
      <t>ショクイン</t>
    </rPh>
    <rPh sb="19" eb="20">
      <t>トウ</t>
    </rPh>
    <rPh sb="23" eb="25">
      <t>コウクウ</t>
    </rPh>
    <rPh sb="25" eb="27">
      <t>キノウ</t>
    </rPh>
    <rPh sb="27" eb="29">
      <t>カイゼン</t>
    </rPh>
    <rPh sb="29" eb="31">
      <t>カンリ</t>
    </rPh>
    <rPh sb="31" eb="33">
      <t>シドウ</t>
    </rPh>
    <rPh sb="33" eb="35">
      <t>ケイカク</t>
    </rPh>
    <rPh sb="36" eb="38">
      <t>サクセイ</t>
    </rPh>
    <phoneticPr fontId="2"/>
  </si>
  <si>
    <t>計画に基づく言語聴覚士、歯科衛生士又は看護職員による口腔機能向上サービスの提供、定期的な記録作成</t>
    <rPh sb="0" eb="2">
      <t>ケイカク</t>
    </rPh>
    <rPh sb="3" eb="4">
      <t>モト</t>
    </rPh>
    <rPh sb="6" eb="8">
      <t>ゲンゴ</t>
    </rPh>
    <rPh sb="8" eb="11">
      <t>チョウカクシ</t>
    </rPh>
    <rPh sb="12" eb="14">
      <t>シカ</t>
    </rPh>
    <rPh sb="14" eb="17">
      <t>エイセイシ</t>
    </rPh>
    <rPh sb="17" eb="18">
      <t>マタ</t>
    </rPh>
    <rPh sb="19" eb="21">
      <t>カンゴ</t>
    </rPh>
    <rPh sb="21" eb="23">
      <t>ショクイン</t>
    </rPh>
    <rPh sb="26" eb="28">
      <t>コウクウ</t>
    </rPh>
    <rPh sb="28" eb="30">
      <t>キノウ</t>
    </rPh>
    <rPh sb="30" eb="32">
      <t>コウジョウ</t>
    </rPh>
    <rPh sb="37" eb="39">
      <t>テイキョウ</t>
    </rPh>
    <rPh sb="40" eb="43">
      <t>テイキテキ</t>
    </rPh>
    <rPh sb="44" eb="46">
      <t>キロク</t>
    </rPh>
    <rPh sb="46" eb="48">
      <t>サクセイ</t>
    </rPh>
    <phoneticPr fontId="2"/>
  </si>
  <si>
    <t>利用者毎の計画の進捗状況を定期的に評価、ケアマネ等への情報提供</t>
    <rPh sb="0" eb="3">
      <t>リヨウシャ</t>
    </rPh>
    <rPh sb="3" eb="4">
      <t>ゴト</t>
    </rPh>
    <rPh sb="5" eb="7">
      <t>ケイカク</t>
    </rPh>
    <rPh sb="8" eb="10">
      <t>シンチョク</t>
    </rPh>
    <rPh sb="10" eb="12">
      <t>ジョウキョウ</t>
    </rPh>
    <rPh sb="13" eb="16">
      <t>テイキテキ</t>
    </rPh>
    <rPh sb="17" eb="19">
      <t>ヒョウカ</t>
    </rPh>
    <rPh sb="24" eb="25">
      <t>トウ</t>
    </rPh>
    <rPh sb="27" eb="29">
      <t>ジョウホウ</t>
    </rPh>
    <rPh sb="29" eb="31">
      <t>テイキョウ</t>
    </rPh>
    <phoneticPr fontId="2"/>
  </si>
  <si>
    <t>口腔・栄養スクリーニング加算（Ⅱ）</t>
    <rPh sb="0" eb="2">
      <t>コウクウ</t>
    </rPh>
    <rPh sb="3" eb="5">
      <t>エイヨウ</t>
    </rPh>
    <rPh sb="12" eb="14">
      <t>カサン</t>
    </rPh>
    <phoneticPr fontId="2"/>
  </si>
  <si>
    <t>（１）（２）のいずれかに適合する</t>
    <rPh sb="12" eb="14">
      <t>テキゴウ</t>
    </rPh>
    <phoneticPr fontId="2"/>
  </si>
  <si>
    <t>（１）いずれも適合
利用開始時および利用中６月ごとに利用者の口腔の健康状態について確認し情報を担当の介護支援専門員に提供</t>
    <rPh sb="7" eb="9">
      <t>テキゴウ</t>
    </rPh>
    <rPh sb="10" eb="12">
      <t>リヨウ</t>
    </rPh>
    <rPh sb="12" eb="15">
      <t>カイシジ</t>
    </rPh>
    <rPh sb="18" eb="21">
      <t>リヨウチュウ</t>
    </rPh>
    <rPh sb="22" eb="23">
      <t>ツキ</t>
    </rPh>
    <rPh sb="26" eb="29">
      <t>リヨウシャ</t>
    </rPh>
    <rPh sb="30" eb="32">
      <t>コウクウ</t>
    </rPh>
    <rPh sb="33" eb="35">
      <t>ケンコウ</t>
    </rPh>
    <rPh sb="35" eb="37">
      <t>ジョウタイ</t>
    </rPh>
    <rPh sb="41" eb="43">
      <t>カクニン</t>
    </rPh>
    <rPh sb="44" eb="46">
      <t>ジョウホウ</t>
    </rPh>
    <rPh sb="47" eb="49">
      <t>タントウ</t>
    </rPh>
    <rPh sb="50" eb="52">
      <t>カイゴ</t>
    </rPh>
    <rPh sb="52" eb="54">
      <t>シエン</t>
    </rPh>
    <rPh sb="54" eb="57">
      <t>センモンイン</t>
    </rPh>
    <rPh sb="58" eb="60">
      <t>テイキョウ</t>
    </rPh>
    <phoneticPr fontId="4"/>
  </si>
  <si>
    <t>栄養アセスメント加算を算定している又は当該利用者が栄養改善加算の算定に係る栄養改善サービスを受けている間である若しくは当該栄養改善サービスが終了した日の属する月</t>
  </si>
  <si>
    <t>口腔機能向上加算の算定に係る口腔機能向上サービスを受けている間である又は当該口腔機能向上サービスが終了した日の属する月</t>
  </si>
  <si>
    <t>非該当</t>
    <rPh sb="0" eb="1">
      <t>ヒ</t>
    </rPh>
    <rPh sb="1" eb="3">
      <t>ガイトウ</t>
    </rPh>
    <phoneticPr fontId="4"/>
  </si>
  <si>
    <t>（２）いずれも適合
利用開始時および利用中６月ごとに利用者の栄養状態について確認し情報を担当の介護支援専門員に提供</t>
    <rPh sb="7" eb="9">
      <t>テキゴウ</t>
    </rPh>
    <rPh sb="10" eb="12">
      <t>リヨウ</t>
    </rPh>
    <rPh sb="12" eb="15">
      <t>カイシジ</t>
    </rPh>
    <rPh sb="18" eb="21">
      <t>リヨウチュウ</t>
    </rPh>
    <rPh sb="22" eb="23">
      <t>ツキ</t>
    </rPh>
    <rPh sb="26" eb="29">
      <t>リヨウシャ</t>
    </rPh>
    <rPh sb="30" eb="32">
      <t>エイヨウ</t>
    </rPh>
    <rPh sb="32" eb="34">
      <t>ジョウタイ</t>
    </rPh>
    <rPh sb="38" eb="40">
      <t>カクニン</t>
    </rPh>
    <rPh sb="41" eb="43">
      <t>ジョウホウ</t>
    </rPh>
    <rPh sb="55" eb="57">
      <t>テイキョウ</t>
    </rPh>
    <phoneticPr fontId="4"/>
  </si>
  <si>
    <t>従業者（看護師又は、准看護師であるものを除く）総数のうち、勤続年数１０年以上の介護福祉士の占める割合が１００分の２５以上である</t>
    <rPh sb="0" eb="3">
      <t>ジュウギョウシャ</t>
    </rPh>
    <rPh sb="4" eb="7">
      <t>カンゴシ</t>
    </rPh>
    <rPh sb="7" eb="8">
      <t>マタ</t>
    </rPh>
    <rPh sb="10" eb="14">
      <t>ジュンカンゴシ</t>
    </rPh>
    <rPh sb="20" eb="21">
      <t>ノゾ</t>
    </rPh>
    <rPh sb="23" eb="25">
      <t>ソウスウ</t>
    </rPh>
    <rPh sb="29" eb="31">
      <t>キンゾク</t>
    </rPh>
    <rPh sb="31" eb="33">
      <t>ネンスウ</t>
    </rPh>
    <rPh sb="35" eb="36">
      <t>ネン</t>
    </rPh>
    <rPh sb="36" eb="38">
      <t>イジョウ</t>
    </rPh>
    <rPh sb="39" eb="41">
      <t>カイゴ</t>
    </rPh>
    <rPh sb="41" eb="44">
      <t>フクシシ</t>
    </rPh>
    <rPh sb="45" eb="46">
      <t>シ</t>
    </rPh>
    <rPh sb="48" eb="50">
      <t>ワリアイ</t>
    </rPh>
    <rPh sb="54" eb="55">
      <t>ブン</t>
    </rPh>
    <rPh sb="58" eb="60">
      <t>イジョウ</t>
    </rPh>
    <phoneticPr fontId="2"/>
  </si>
  <si>
    <t>従業者総数のうち、介護福祉士の占める割合が５割以上である</t>
    <rPh sb="0" eb="3">
      <t>ジュウギョウシャ</t>
    </rPh>
    <rPh sb="3" eb="5">
      <t>ソウスウ</t>
    </rPh>
    <rPh sb="9" eb="11">
      <t>カイゴ</t>
    </rPh>
    <rPh sb="11" eb="14">
      <t>フクシシ</t>
    </rPh>
    <rPh sb="15" eb="16">
      <t>シ</t>
    </rPh>
    <rPh sb="18" eb="20">
      <t>ワリアイ</t>
    </rPh>
    <rPh sb="22" eb="23">
      <t>ワリ</t>
    </rPh>
    <rPh sb="23" eb="25">
      <t>イジョウ</t>
    </rPh>
    <phoneticPr fontId="2"/>
  </si>
  <si>
    <t>サービス提供体制強化加算（Ⅰ）又は（Ⅲ）を算定していない</t>
    <rPh sb="4" eb="6">
      <t>テイキョウ</t>
    </rPh>
    <rPh sb="6" eb="8">
      <t>タイセイ</t>
    </rPh>
    <rPh sb="8" eb="10">
      <t>キョウカ</t>
    </rPh>
    <rPh sb="10" eb="12">
      <t>カサン</t>
    </rPh>
    <rPh sb="15" eb="16">
      <t>マタ</t>
    </rPh>
    <rPh sb="21" eb="23">
      <t>サンテイ</t>
    </rPh>
    <phoneticPr fontId="2"/>
  </si>
  <si>
    <t>介護福祉士の占める割合が４割以上</t>
    <rPh sb="0" eb="2">
      <t>カイゴ</t>
    </rPh>
    <rPh sb="2" eb="5">
      <t>フクシシ</t>
    </rPh>
    <rPh sb="6" eb="7">
      <t>シ</t>
    </rPh>
    <rPh sb="9" eb="11">
      <t>ワリアイ</t>
    </rPh>
    <rPh sb="13" eb="16">
      <t>ワリイジョウ</t>
    </rPh>
    <phoneticPr fontId="2"/>
  </si>
  <si>
    <t>従業者総数のうち、常勤職員の占める割合が６割以上</t>
    <rPh sb="0" eb="3">
      <t>ジュウギョウシャ</t>
    </rPh>
    <rPh sb="3" eb="5">
      <t>ソウスウ</t>
    </rPh>
    <rPh sb="9" eb="11">
      <t>ジョウキン</t>
    </rPh>
    <rPh sb="11" eb="13">
      <t>ショクイン</t>
    </rPh>
    <rPh sb="14" eb="15">
      <t>シ</t>
    </rPh>
    <rPh sb="17" eb="19">
      <t>ワリアイ</t>
    </rPh>
    <rPh sb="21" eb="24">
      <t>ワリイジョウ</t>
    </rPh>
    <phoneticPr fontId="2"/>
  </si>
  <si>
    <t>従業者総数のうち、勤続年数７年以上の職員の占める割合が３割以上である</t>
    <rPh sb="0" eb="3">
      <t>ジュウギョウシャ</t>
    </rPh>
    <rPh sb="3" eb="5">
      <t>ソウスウ</t>
    </rPh>
    <rPh sb="9" eb="11">
      <t>キンゾク</t>
    </rPh>
    <rPh sb="11" eb="13">
      <t>ネンスウ</t>
    </rPh>
    <rPh sb="14" eb="15">
      <t>ネン</t>
    </rPh>
    <rPh sb="15" eb="17">
      <t>イジョウ</t>
    </rPh>
    <rPh sb="18" eb="20">
      <t>ショクイン</t>
    </rPh>
    <rPh sb="21" eb="22">
      <t>シ</t>
    </rPh>
    <rPh sb="24" eb="26">
      <t>ワリアイ</t>
    </rPh>
    <rPh sb="28" eb="29">
      <t>ワリ</t>
    </rPh>
    <rPh sb="29" eb="31">
      <t>イジョウ</t>
    </rPh>
    <phoneticPr fontId="2"/>
  </si>
  <si>
    <t>従業者（看護師又は、准看護師であるものを除く）総数のうち、介護福祉士の占める割合が７割以上である</t>
    <rPh sb="0" eb="3">
      <t>ジュウギョウシャ</t>
    </rPh>
    <rPh sb="4" eb="7">
      <t>カンゴシ</t>
    </rPh>
    <rPh sb="7" eb="8">
      <t>マタ</t>
    </rPh>
    <rPh sb="10" eb="14">
      <t>ジュンカンゴシ</t>
    </rPh>
    <rPh sb="20" eb="21">
      <t>ノゾ</t>
    </rPh>
    <rPh sb="23" eb="25">
      <t>ソウスウ</t>
    </rPh>
    <rPh sb="29" eb="31">
      <t>カイゴ</t>
    </rPh>
    <rPh sb="31" eb="34">
      <t>フクシシ</t>
    </rPh>
    <rPh sb="35" eb="36">
      <t>シ</t>
    </rPh>
    <rPh sb="38" eb="40">
      <t>ワリアイ</t>
    </rPh>
    <rPh sb="42" eb="43">
      <t>ワリ</t>
    </rPh>
    <rPh sb="43" eb="45">
      <t>イジョウ</t>
    </rPh>
    <phoneticPr fontId="2"/>
  </si>
  <si>
    <t>あり</t>
  </si>
  <si>
    <t xml:space="preserve">当該事業所の従業者又は外部との連携により管理栄養士を１名以上配置
</t>
    <phoneticPr fontId="2"/>
  </si>
  <si>
    <t>利用者ごとの栄養状態等の情報を厚生労働省（LIFE)へ提出し、当該情報その他栄養管理の適切かつ有効な実施のために必要な情報を活用</t>
    <phoneticPr fontId="2"/>
  </si>
  <si>
    <t>栄養計画に従い、管理栄養士等が（必要に応じて居宅を訪問し）基づく栄養改善サービスの提供、栄養状態等の記録</t>
    <phoneticPr fontId="2"/>
  </si>
  <si>
    <t>利用開始時および利用中６月ごとに利用者の口腔の健康状態及び栄養状態について確認し情報を担当の介護支援専門員に提供</t>
    <rPh sb="0" eb="2">
      <t>リヨウ</t>
    </rPh>
    <rPh sb="2" eb="5">
      <t>カイシジ</t>
    </rPh>
    <rPh sb="8" eb="11">
      <t>リヨウチュウ</t>
    </rPh>
    <rPh sb="12" eb="13">
      <t>ツキ</t>
    </rPh>
    <rPh sb="16" eb="19">
      <t>リヨウシャ</t>
    </rPh>
    <rPh sb="20" eb="22">
      <t>コウクウ</t>
    </rPh>
    <rPh sb="23" eb="25">
      <t>ケンコウ</t>
    </rPh>
    <rPh sb="25" eb="27">
      <t>ジョウタイ</t>
    </rPh>
    <rPh sb="27" eb="28">
      <t>オヨ</t>
    </rPh>
    <rPh sb="29" eb="31">
      <t>エイヨウ</t>
    </rPh>
    <rPh sb="31" eb="33">
      <t>ジョウタイ</t>
    </rPh>
    <rPh sb="37" eb="39">
      <t>カクニン</t>
    </rPh>
    <rPh sb="40" eb="42">
      <t>ジョウホウ</t>
    </rPh>
    <rPh sb="43" eb="45">
      <t>タントウ</t>
    </rPh>
    <rPh sb="46" eb="48">
      <t>カイゴ</t>
    </rPh>
    <rPh sb="48" eb="50">
      <t>シエン</t>
    </rPh>
    <rPh sb="50" eb="53">
      <t>センモンイン</t>
    </rPh>
    <rPh sb="54" eb="56">
      <t>テイキョウ</t>
    </rPh>
    <phoneticPr fontId="4"/>
  </si>
  <si>
    <t>利用者ごとのＡＤＬ値（ＡＤＬの評価に基づき測定し値）、栄養状態、口腔機能、認知症の状況その他の利用者の心身の状況等に係る基本的な情報を、厚生労働省（LIFE)に提出</t>
    <phoneticPr fontId="2"/>
  </si>
  <si>
    <t xml:space="preserve">必要に応じて認知症対応型通所介護計画を見直すなど、指定認知症対応型通所介護の提供に当たって、厚生労働省に提出する情報その他指定認知症対応型通所介護を適切かつ有効に提供するために必要な情報を活用している
</t>
    <phoneticPr fontId="2"/>
  </si>
  <si>
    <t>管理栄養士、看護・介護職員、生活相談員その他の職種の者が共同したて利用者ごとの摂食・嚥下機能及び食形態に配慮した栄養ケア計画の作成</t>
  </si>
  <si>
    <t>２　介護職員改善計画書の作成、周知、届出</t>
    <rPh sb="2" eb="4">
      <t>カイゴ</t>
    </rPh>
    <rPh sb="4" eb="6">
      <t>ショクイン</t>
    </rPh>
    <rPh sb="6" eb="8">
      <t>カイゼン</t>
    </rPh>
    <rPh sb="8" eb="11">
      <t>ケイカクショ</t>
    </rPh>
    <rPh sb="12" eb="14">
      <t>サクセイ</t>
    </rPh>
    <rPh sb="15" eb="17">
      <t>シュウチ</t>
    </rPh>
    <rPh sb="18" eb="20">
      <t>トドケデ</t>
    </rPh>
    <phoneticPr fontId="2"/>
  </si>
  <si>
    <t>５　前12月間に法令違反し、罰金以上の刑</t>
    <rPh sb="2" eb="3">
      <t>ゼン</t>
    </rPh>
    <rPh sb="5" eb="6">
      <t>ツキ</t>
    </rPh>
    <rPh sb="6" eb="7">
      <t>カン</t>
    </rPh>
    <rPh sb="8" eb="10">
      <t>ホウレイ</t>
    </rPh>
    <rPh sb="10" eb="12">
      <t>イハン</t>
    </rPh>
    <rPh sb="14" eb="16">
      <t>バッキン</t>
    </rPh>
    <rPh sb="16" eb="18">
      <t>イジョウ</t>
    </rPh>
    <rPh sb="19" eb="20">
      <t>ケイ</t>
    </rPh>
    <phoneticPr fontId="2"/>
  </si>
  <si>
    <t>なし</t>
  </si>
  <si>
    <t>研修計画書</t>
    <rPh sb="0" eb="2">
      <t>ケンシュウ</t>
    </rPh>
    <rPh sb="2" eb="4">
      <t>ケイカク</t>
    </rPh>
    <rPh sb="4" eb="5">
      <t>ショ</t>
    </rPh>
    <phoneticPr fontId="2"/>
  </si>
  <si>
    <t>介護職員等処遇改善計画書</t>
    <rPh sb="0" eb="2">
      <t>カイゴ</t>
    </rPh>
    <rPh sb="2" eb="4">
      <t>ショクイン</t>
    </rPh>
    <rPh sb="4" eb="5">
      <t>トウ</t>
    </rPh>
    <rPh sb="5" eb="7">
      <t>ショグウ</t>
    </rPh>
    <rPh sb="7" eb="9">
      <t>カイゼン</t>
    </rPh>
    <rPh sb="9" eb="12">
      <t>ケイカクショ</t>
    </rPh>
    <phoneticPr fontId="2"/>
  </si>
  <si>
    <t>７　(キャリアパスⅠ)任用の際の職責又は職務内容等の要件及び賃金体系を定め、それを書面で作成し、全ての介護職員に周知
※Ｒ６年度中は年度内の対応の誓約で可。</t>
    <rPh sb="41" eb="43">
      <t>ショメン</t>
    </rPh>
    <rPh sb="44" eb="46">
      <t>サクセイ</t>
    </rPh>
    <rPh sb="62" eb="65">
      <t>ネンドチュウ</t>
    </rPh>
    <rPh sb="66" eb="69">
      <t>ネンドナイ</t>
    </rPh>
    <rPh sb="70" eb="72">
      <t>タイオウ</t>
    </rPh>
    <rPh sb="73" eb="75">
      <t>セイヤク</t>
    </rPh>
    <rPh sb="76" eb="77">
      <t>カ</t>
    </rPh>
    <phoneticPr fontId="2"/>
  </si>
  <si>
    <t>就業規則、給与規定、資質向上のための計画等</t>
    <rPh sb="0" eb="4">
      <t>シュウギョウキソク</t>
    </rPh>
    <rPh sb="5" eb="9">
      <t>キュウヨキテイ</t>
    </rPh>
    <rPh sb="10" eb="14">
      <t>シシツコウジョウ</t>
    </rPh>
    <rPh sb="18" eb="20">
      <t>ケイカク</t>
    </rPh>
    <rPh sb="20" eb="21">
      <t>トウ</t>
    </rPh>
    <phoneticPr fontId="2"/>
  </si>
  <si>
    <t>８　(キャリアパスⅡ)資質の向上・資格取得の支援に関する計画の策定、研修の実施又は研修の機会を確保及び能力評価を行い、全ての介護職員に周知
※Ｒ６年度中は年度内の対応の誓約で可。</t>
    <rPh sb="17" eb="19">
      <t>シカク</t>
    </rPh>
    <rPh sb="19" eb="21">
      <t>シュトク</t>
    </rPh>
    <rPh sb="49" eb="50">
      <t>オヨ</t>
    </rPh>
    <rPh sb="51" eb="53">
      <t>ノウリョク</t>
    </rPh>
    <rPh sb="53" eb="55">
      <t>ヒョウカ</t>
    </rPh>
    <rPh sb="56" eb="57">
      <t>オコナ</t>
    </rPh>
    <phoneticPr fontId="2"/>
  </si>
  <si>
    <t>９　(キャリアパスⅢ)経験若しくは資格等に応じて昇給する仕組み又は一定の基準に基づき定期に昇給する仕組みを設け、全ての介護職員に周知
※Ｒ６年度中は年度内の対応の誓約で可。</t>
  </si>
  <si>
    <t>１０　（キャリアパスⅣ）　経験・技能のある介護職員のうち一人は、賃金改善に要する費用の見込み額が年額４４０万円以上（ただし、小規模事業所等で加算額は少額である場合などは、適用が免除されるため、計画書に理由を記載していること）
※Ｒ６年度中は月額８万円の改善でも可。</t>
    <rPh sb="13" eb="15">
      <t>ケイケン</t>
    </rPh>
    <rPh sb="16" eb="18">
      <t>ギノウ</t>
    </rPh>
    <rPh sb="21" eb="23">
      <t>カイゴ</t>
    </rPh>
    <rPh sb="23" eb="25">
      <t>ショクイン</t>
    </rPh>
    <rPh sb="28" eb="30">
      <t>ヒトリ</t>
    </rPh>
    <rPh sb="32" eb="34">
      <t>チンギン</t>
    </rPh>
    <rPh sb="34" eb="36">
      <t>カイゼン</t>
    </rPh>
    <rPh sb="37" eb="38">
      <t>ヨウ</t>
    </rPh>
    <rPh sb="40" eb="42">
      <t>ヒヨウ</t>
    </rPh>
    <rPh sb="43" eb="45">
      <t>ミコ</t>
    </rPh>
    <rPh sb="46" eb="47">
      <t>ガク</t>
    </rPh>
    <rPh sb="48" eb="50">
      <t>ネンガク</t>
    </rPh>
    <rPh sb="53" eb="55">
      <t>マンエン</t>
    </rPh>
    <rPh sb="55" eb="57">
      <t>イジョウ</t>
    </rPh>
    <rPh sb="62" eb="69">
      <t>ショウキボジギョウショトウ</t>
    </rPh>
    <rPh sb="70" eb="73">
      <t>カサンガク</t>
    </rPh>
    <rPh sb="74" eb="76">
      <t>ショウガク</t>
    </rPh>
    <rPh sb="79" eb="81">
      <t>バアイ</t>
    </rPh>
    <rPh sb="85" eb="87">
      <t>テキヨウ</t>
    </rPh>
    <rPh sb="88" eb="90">
      <t>メンジョ</t>
    </rPh>
    <rPh sb="96" eb="99">
      <t>ケイカクショ</t>
    </rPh>
    <rPh sb="100" eb="102">
      <t>リユウ</t>
    </rPh>
    <rPh sb="103" eb="105">
      <t>キサイ</t>
    </rPh>
    <rPh sb="116" eb="118">
      <t>ネンド</t>
    </rPh>
    <rPh sb="118" eb="119">
      <t>チュウ</t>
    </rPh>
    <rPh sb="120" eb="122">
      <t>ゲツガク</t>
    </rPh>
    <rPh sb="123" eb="124">
      <t>マン</t>
    </rPh>
    <rPh sb="124" eb="125">
      <t>エン</t>
    </rPh>
    <rPh sb="126" eb="128">
      <t>カイゼン</t>
    </rPh>
    <rPh sb="130" eb="131">
      <t>カ</t>
    </rPh>
    <phoneticPr fontId="2"/>
  </si>
  <si>
    <t>１２ （月額賃金改善要件）賃金改善の見込額の２／３以上がベースアップ等に充てられる計画となっていること
※本要件については、旧ベースアップ加算を算定していた場合を除く。</t>
    <rPh sb="4" eb="6">
      <t>ゲツガク</t>
    </rPh>
    <rPh sb="6" eb="10">
      <t>チンギンカイゼン</t>
    </rPh>
    <rPh sb="10" eb="12">
      <t>ヨウケン</t>
    </rPh>
    <rPh sb="13" eb="17">
      <t>チンギンカイゼン</t>
    </rPh>
    <rPh sb="18" eb="21">
      <t>ミコミガク</t>
    </rPh>
    <rPh sb="25" eb="27">
      <t>イジョウ</t>
    </rPh>
    <rPh sb="34" eb="35">
      <t>トウ</t>
    </rPh>
    <rPh sb="36" eb="37">
      <t>ア</t>
    </rPh>
    <rPh sb="41" eb="43">
      <t>ケイカク</t>
    </rPh>
    <rPh sb="62" eb="63">
      <t>キュウ</t>
    </rPh>
    <rPh sb="69" eb="71">
      <t>カサン</t>
    </rPh>
    <rPh sb="72" eb="74">
      <t>サンテイ</t>
    </rPh>
    <rPh sb="78" eb="80">
      <t>バアイ</t>
    </rPh>
    <phoneticPr fontId="2"/>
  </si>
  <si>
    <t>１３ （職場環境要件）処遇改善の内容（賃金改善を除く）等についてインターネットの利用その他の適切な方法で公表</t>
    <rPh sb="4" eb="10">
      <t>ショクバカンキョウヨウケン</t>
    </rPh>
    <rPh sb="27" eb="28">
      <t>トウ</t>
    </rPh>
    <rPh sb="40" eb="42">
      <t>リヨウ</t>
    </rPh>
    <rPh sb="44" eb="45">
      <t>タ</t>
    </rPh>
    <rPh sb="46" eb="48">
      <t>テキセツ</t>
    </rPh>
    <rPh sb="49" eb="51">
      <t>ホウホウ</t>
    </rPh>
    <rPh sb="52" eb="54">
      <t>コウヒョウ</t>
    </rPh>
    <phoneticPr fontId="2"/>
  </si>
  <si>
    <t>介護サービス情報公表システム、ホームページ</t>
    <rPh sb="0" eb="2">
      <t>カイゴ</t>
    </rPh>
    <rPh sb="6" eb="10">
      <t>ジョウホウコウヒョウ</t>
    </rPh>
    <phoneticPr fontId="2"/>
  </si>
  <si>
    <t>１４ （職場環境要件）計画書にある職場環境要件の取組を行っていること</t>
    <rPh sb="11" eb="14">
      <t>ケイカクショ</t>
    </rPh>
    <rPh sb="24" eb="25">
      <t>ト</t>
    </rPh>
    <rPh sb="25" eb="26">
      <t>ク</t>
    </rPh>
    <rPh sb="27" eb="28">
      <t>オコナ</t>
    </rPh>
    <phoneticPr fontId="2"/>
  </si>
  <si>
    <t>１５　処遇改善の内容（賃金改善を除く）及び処遇改善に要する費用の見込額を全ての職員に周知</t>
    <rPh sb="3" eb="5">
      <t>ショグウ</t>
    </rPh>
    <rPh sb="5" eb="7">
      <t>カイゼン</t>
    </rPh>
    <rPh sb="8" eb="10">
      <t>ナイヨウ</t>
    </rPh>
    <rPh sb="11" eb="13">
      <t>チンギン</t>
    </rPh>
    <rPh sb="13" eb="15">
      <t>カイゼン</t>
    </rPh>
    <rPh sb="16" eb="17">
      <t>ノゾ</t>
    </rPh>
    <rPh sb="19" eb="20">
      <t>オヨ</t>
    </rPh>
    <rPh sb="21" eb="23">
      <t>ショグウ</t>
    </rPh>
    <rPh sb="23" eb="25">
      <t>カイゼン</t>
    </rPh>
    <rPh sb="26" eb="27">
      <t>ヨウ</t>
    </rPh>
    <rPh sb="29" eb="31">
      <t>ヒヨウ</t>
    </rPh>
    <rPh sb="32" eb="34">
      <t>ミコ</t>
    </rPh>
    <rPh sb="34" eb="35">
      <t>ガク</t>
    </rPh>
    <rPh sb="36" eb="37">
      <t>スベ</t>
    </rPh>
    <rPh sb="39" eb="41">
      <t>ショクイン</t>
    </rPh>
    <rPh sb="42" eb="44">
      <t>シュウチ</t>
    </rPh>
    <phoneticPr fontId="2"/>
  </si>
  <si>
    <t>１１ （月額賃金改善要件）賃金改善の見込額の２／３以上がベースアップ等に充てられる計画となっていること
※本要件については、旧ベースアップ加算を算定していた場合を除く。</t>
    <rPh sb="4" eb="6">
      <t>ゲツガク</t>
    </rPh>
    <rPh sb="6" eb="10">
      <t>チンギンカイゼン</t>
    </rPh>
    <rPh sb="10" eb="12">
      <t>ヨウケン</t>
    </rPh>
    <rPh sb="13" eb="17">
      <t>チンギンカイゼン</t>
    </rPh>
    <rPh sb="18" eb="21">
      <t>ミコミガク</t>
    </rPh>
    <rPh sb="25" eb="27">
      <t>イジョウ</t>
    </rPh>
    <rPh sb="34" eb="35">
      <t>トウ</t>
    </rPh>
    <rPh sb="36" eb="37">
      <t>ア</t>
    </rPh>
    <rPh sb="41" eb="43">
      <t>ケイカク</t>
    </rPh>
    <phoneticPr fontId="2"/>
  </si>
  <si>
    <t>１２ （職場環境要件）処遇改善の内容（賃金改善を除く）等についてインターネットの利用その他の適切な方法で公表</t>
    <rPh sb="4" eb="10">
      <t>ショクバカンキョウヨウケン</t>
    </rPh>
    <rPh sb="27" eb="28">
      <t>トウ</t>
    </rPh>
    <rPh sb="40" eb="42">
      <t>リヨウ</t>
    </rPh>
    <rPh sb="44" eb="45">
      <t>タ</t>
    </rPh>
    <rPh sb="46" eb="48">
      <t>テキセツ</t>
    </rPh>
    <rPh sb="49" eb="51">
      <t>ホウホウ</t>
    </rPh>
    <rPh sb="52" eb="54">
      <t>コウヒョウ</t>
    </rPh>
    <phoneticPr fontId="2"/>
  </si>
  <si>
    <t>１３ （職場環境要件）計画書にある職場環境要件の取組を行っていること</t>
    <rPh sb="11" eb="14">
      <t>ケイカクショ</t>
    </rPh>
    <rPh sb="24" eb="25">
      <t>ト</t>
    </rPh>
    <rPh sb="25" eb="26">
      <t>ク</t>
    </rPh>
    <rPh sb="27" eb="28">
      <t>オコナ</t>
    </rPh>
    <phoneticPr fontId="2"/>
  </si>
  <si>
    <t>１４　処遇改善の内容（賃金改善を除く）及び処遇改善に要する費用の見込額を全ての職員に周知</t>
    <rPh sb="3" eb="5">
      <t>ショグウ</t>
    </rPh>
    <rPh sb="5" eb="7">
      <t>カイゼン</t>
    </rPh>
    <rPh sb="8" eb="10">
      <t>ナイヨウ</t>
    </rPh>
    <rPh sb="11" eb="13">
      <t>チンギン</t>
    </rPh>
    <rPh sb="13" eb="15">
      <t>カイゼン</t>
    </rPh>
    <rPh sb="16" eb="17">
      <t>ノゾ</t>
    </rPh>
    <rPh sb="19" eb="20">
      <t>オヨ</t>
    </rPh>
    <rPh sb="21" eb="23">
      <t>ショグウ</t>
    </rPh>
    <rPh sb="23" eb="25">
      <t>カイゼン</t>
    </rPh>
    <rPh sb="26" eb="27">
      <t>ヨウ</t>
    </rPh>
    <rPh sb="29" eb="31">
      <t>ヒヨウ</t>
    </rPh>
    <rPh sb="32" eb="34">
      <t>ミコ</t>
    </rPh>
    <rPh sb="34" eb="35">
      <t>ガク</t>
    </rPh>
    <rPh sb="36" eb="37">
      <t>スベ</t>
    </rPh>
    <rPh sb="39" eb="41">
      <t>ショクイン</t>
    </rPh>
    <rPh sb="42" eb="44">
      <t>シュウチ</t>
    </rPh>
    <phoneticPr fontId="2"/>
  </si>
  <si>
    <t>１０ （月額賃金改善要件）賃金改善の見込額の２／３以上がベースアップ等に充てられる計画となっていること
※本要件については、旧ベースアップ加算を算定していた場合を除く。</t>
    <rPh sb="4" eb="6">
      <t>ゲツガク</t>
    </rPh>
    <rPh sb="6" eb="10">
      <t>チンギンカイゼン</t>
    </rPh>
    <rPh sb="10" eb="12">
      <t>ヨウケン</t>
    </rPh>
    <rPh sb="13" eb="17">
      <t>チンギンカイゼン</t>
    </rPh>
    <rPh sb="18" eb="21">
      <t>ミコミガク</t>
    </rPh>
    <rPh sb="25" eb="27">
      <t>イジョウ</t>
    </rPh>
    <rPh sb="34" eb="35">
      <t>トウ</t>
    </rPh>
    <rPh sb="36" eb="37">
      <t>ア</t>
    </rPh>
    <rPh sb="41" eb="43">
      <t>ケイカク</t>
    </rPh>
    <phoneticPr fontId="2"/>
  </si>
  <si>
    <t>１１ （職場環境要件）計画書にある職場環境要件の取組を行っていること</t>
    <rPh sb="11" eb="14">
      <t>ケイカクショ</t>
    </rPh>
    <rPh sb="24" eb="25">
      <t>ト</t>
    </rPh>
    <rPh sb="25" eb="26">
      <t>ク</t>
    </rPh>
    <rPh sb="27" eb="28">
      <t>オコナ</t>
    </rPh>
    <phoneticPr fontId="2"/>
  </si>
  <si>
    <t>１２　処遇改善の内容（賃金改善を除く）及び処遇改善に要する費用の見込額を全ての職員に周知</t>
    <rPh sb="3" eb="5">
      <t>ショグウ</t>
    </rPh>
    <rPh sb="5" eb="7">
      <t>カイゼン</t>
    </rPh>
    <rPh sb="8" eb="10">
      <t>ナイヨウ</t>
    </rPh>
    <rPh sb="11" eb="13">
      <t>チンギン</t>
    </rPh>
    <rPh sb="13" eb="15">
      <t>カイゼン</t>
    </rPh>
    <rPh sb="16" eb="17">
      <t>ノゾ</t>
    </rPh>
    <rPh sb="19" eb="20">
      <t>オヨ</t>
    </rPh>
    <rPh sb="21" eb="23">
      <t>ショグウ</t>
    </rPh>
    <rPh sb="23" eb="25">
      <t>カイゼン</t>
    </rPh>
    <rPh sb="26" eb="27">
      <t>ヨウ</t>
    </rPh>
    <rPh sb="29" eb="31">
      <t>ヒヨウ</t>
    </rPh>
    <rPh sb="32" eb="34">
      <t>ミコ</t>
    </rPh>
    <rPh sb="34" eb="35">
      <t>ガク</t>
    </rPh>
    <rPh sb="36" eb="37">
      <t>スベ</t>
    </rPh>
    <rPh sb="39" eb="41">
      <t>ショクイン</t>
    </rPh>
    <rPh sb="42" eb="44">
      <t>シュウチ</t>
    </rPh>
    <phoneticPr fontId="2"/>
  </si>
  <si>
    <t>９ （月額賃金改善要件）賃金改善の見込額の２／３以上がベースアップ等に充てられる計画となっていること
※本要件については、旧ベースアップ加算を算定していた場合を除く。</t>
    <rPh sb="3" eb="5">
      <t>ゲツガク</t>
    </rPh>
    <rPh sb="5" eb="9">
      <t>チンギンカイゼン</t>
    </rPh>
    <rPh sb="9" eb="11">
      <t>ヨウケン</t>
    </rPh>
    <rPh sb="12" eb="16">
      <t>チンギンカイゼン</t>
    </rPh>
    <rPh sb="17" eb="20">
      <t>ミコミガク</t>
    </rPh>
    <rPh sb="24" eb="26">
      <t>イジョウ</t>
    </rPh>
    <rPh sb="33" eb="34">
      <t>トウ</t>
    </rPh>
    <rPh sb="35" eb="36">
      <t>ア</t>
    </rPh>
    <rPh sb="40" eb="42">
      <t>ケイカク</t>
    </rPh>
    <phoneticPr fontId="2"/>
  </si>
  <si>
    <t>１０（職場環境要件）計画書にある職場環境要件の取組を行っていること</t>
    <rPh sb="10" eb="13">
      <t>ケイカクショ</t>
    </rPh>
    <rPh sb="23" eb="24">
      <t>ト</t>
    </rPh>
    <rPh sb="24" eb="25">
      <t>ク</t>
    </rPh>
    <rPh sb="26" eb="27">
      <t>オコナ</t>
    </rPh>
    <phoneticPr fontId="2"/>
  </si>
  <si>
    <t>１１　処遇改善の内容（賃金改善を除く）及び処遇改善に要する費用の見込額を全ての職員に周知</t>
    <rPh sb="3" eb="5">
      <t>ショグウ</t>
    </rPh>
    <rPh sb="5" eb="7">
      <t>カイゼン</t>
    </rPh>
    <rPh sb="8" eb="10">
      <t>ナイヨウ</t>
    </rPh>
    <rPh sb="11" eb="13">
      <t>チンギン</t>
    </rPh>
    <rPh sb="13" eb="15">
      <t>カイゼン</t>
    </rPh>
    <rPh sb="16" eb="17">
      <t>ノゾ</t>
    </rPh>
    <rPh sb="19" eb="20">
      <t>オヨ</t>
    </rPh>
    <rPh sb="21" eb="23">
      <t>ショグウ</t>
    </rPh>
    <rPh sb="23" eb="25">
      <t>カイゼン</t>
    </rPh>
    <rPh sb="26" eb="27">
      <t>ヨウ</t>
    </rPh>
    <rPh sb="29" eb="31">
      <t>ヒヨウ</t>
    </rPh>
    <rPh sb="32" eb="34">
      <t>ミコ</t>
    </rPh>
    <rPh sb="34" eb="35">
      <t>ガク</t>
    </rPh>
    <rPh sb="36" eb="37">
      <t>スベ</t>
    </rPh>
    <rPh sb="39" eb="41">
      <t>ショクイン</t>
    </rPh>
    <rPh sb="42" eb="44">
      <t>シュウチ</t>
    </rPh>
    <phoneticPr fontId="2"/>
  </si>
  <si>
    <t>身体的拘束等を行う場合には、その態様及び時間、その際の入院患者の心身の状況並びに緊急やむを得ない理由を記録</t>
  </si>
  <si>
    <t>未実施</t>
  </si>
  <si>
    <t>身体的拘束等の適正化のための対策を検討する委員会を３月に１回以上開催するとともに、その結果について、介護職員その他の従業者に周知徹底を図る</t>
    <phoneticPr fontId="2"/>
  </si>
  <si>
    <t>身体的拘束等の適正化のための指針を整備</t>
  </si>
  <si>
    <t>介護職員その他の従業者に対し、身体的拘束等の適正化のための研修を定期的に実施</t>
    <phoneticPr fontId="2"/>
  </si>
  <si>
    <t>高齢者虐待防止措置未実施減算</t>
    <phoneticPr fontId="2"/>
  </si>
  <si>
    <t>高齢者虐待防止のための対策を検討する委員会を定期的に開催していない</t>
    <phoneticPr fontId="2"/>
  </si>
  <si>
    <t>高齢者虐待の防止のための指針を整備をしていない</t>
    <phoneticPr fontId="2"/>
  </si>
  <si>
    <t>介護職員その他の従業者に対し、高齢者虐待防止のための研修を定期的（年1回以上）に実施していない</t>
    <rPh sb="33" eb="34">
      <t>ネン</t>
    </rPh>
    <rPh sb="35" eb="38">
      <t>カイイジョウ</t>
    </rPh>
    <phoneticPr fontId="2"/>
  </si>
  <si>
    <t>高齢者虐待防止措置を適切に実施するための担当者を置いていない</t>
    <phoneticPr fontId="2"/>
  </si>
  <si>
    <t>業務継続計画未策定減算</t>
    <phoneticPr fontId="2"/>
  </si>
  <si>
    <t>従業者に対し、業務継続計画について周知するとともに、必要な研修及び訓練を定期的に実施していない
※減算算定の対象要件ではない</t>
    <rPh sb="49" eb="51">
      <t>ゲンサン</t>
    </rPh>
    <rPh sb="51" eb="53">
      <t>サンテイ</t>
    </rPh>
    <rPh sb="54" eb="56">
      <t>タイショウ</t>
    </rPh>
    <rPh sb="56" eb="58">
      <t>ヨウケン</t>
    </rPh>
    <phoneticPr fontId="2"/>
  </si>
  <si>
    <t>専門管理加算</t>
    <rPh sb="0" eb="4">
      <t>センモンカンリ</t>
    </rPh>
    <rPh sb="4" eb="6">
      <t>カサン</t>
    </rPh>
    <phoneticPr fontId="2"/>
  </si>
  <si>
    <t>遠隔死亡診断補助加算</t>
    <rPh sb="0" eb="2">
      <t>エンカク</t>
    </rPh>
    <rPh sb="2" eb="4">
      <t>シボウ</t>
    </rPh>
    <rPh sb="4" eb="10">
      <t>シンダンホジョカサン</t>
    </rPh>
    <phoneticPr fontId="2"/>
  </si>
  <si>
    <t>生産性向上推進体制加算（Ⅰ）</t>
    <rPh sb="0" eb="5">
      <t>セイサンセイコウジョウ</t>
    </rPh>
    <rPh sb="5" eb="7">
      <t>スイシン</t>
    </rPh>
    <rPh sb="7" eb="9">
      <t>タイセイ</t>
    </rPh>
    <rPh sb="9" eb="11">
      <t>カサン</t>
    </rPh>
    <phoneticPr fontId="2"/>
  </si>
  <si>
    <t>利用者の安全並びに介護サービスの質の確保及び職員の
負担軽減に資する方策を検討するための委員会を3月に1回以上開催している</t>
    <rPh sb="49" eb="50">
      <t>ツキ</t>
    </rPh>
    <rPh sb="52" eb="53">
      <t>カイ</t>
    </rPh>
    <rPh sb="53" eb="55">
      <t>イジョウ</t>
    </rPh>
    <rPh sb="55" eb="57">
      <t>カイサイ</t>
    </rPh>
    <phoneticPr fontId="2"/>
  </si>
  <si>
    <t>３か月に１回以上実施</t>
    <rPh sb="2" eb="3">
      <t>ゲツ</t>
    </rPh>
    <rPh sb="5" eb="6">
      <t>カイ</t>
    </rPh>
    <rPh sb="6" eb="8">
      <t>イジョウ</t>
    </rPh>
    <phoneticPr fontId="2"/>
  </si>
  <si>
    <t>委員会において次の①～④すべての項目の必要な検討を行っている</t>
    <rPh sb="0" eb="3">
      <t>イインカイ</t>
    </rPh>
    <rPh sb="7" eb="8">
      <t>ツギ</t>
    </rPh>
    <rPh sb="16" eb="18">
      <t>コウモク</t>
    </rPh>
    <rPh sb="19" eb="21">
      <t>ヒツヨウ</t>
    </rPh>
    <rPh sb="22" eb="24">
      <t>ケントウ</t>
    </rPh>
    <rPh sb="25" eb="26">
      <t>オコナ</t>
    </rPh>
    <phoneticPr fontId="2"/>
  </si>
  <si>
    <t>①介護機器を活用する場合における利用者の安全及びケアの質の確保</t>
    <phoneticPr fontId="2"/>
  </si>
  <si>
    <t>実施</t>
    <phoneticPr fontId="2"/>
  </si>
  <si>
    <t>②職員の負担の軽減及び勤務状況への配慮</t>
    <phoneticPr fontId="2"/>
  </si>
  <si>
    <t>③介護機器の定期的な点検</t>
    <phoneticPr fontId="2"/>
  </si>
  <si>
    <t>④業務の効率化及び質の向上並びに職員の負担軽減を図るための職員研修</t>
    <phoneticPr fontId="2"/>
  </si>
  <si>
    <t>生産性向上の取組に関する実績があり、以下の①～③について成果があること</t>
    <rPh sb="18" eb="20">
      <t>イカ</t>
    </rPh>
    <rPh sb="28" eb="30">
      <t>セイカ</t>
    </rPh>
    <phoneticPr fontId="2"/>
  </si>
  <si>
    <t>①「利用者の満足度等の評価」について、本取組による悪化がみられない</t>
    <rPh sb="19" eb="22">
      <t>ホントリクミ</t>
    </rPh>
    <rPh sb="25" eb="27">
      <t>アッカ</t>
    </rPh>
    <phoneticPr fontId="2"/>
  </si>
  <si>
    <t>該当</t>
  </si>
  <si>
    <t>②「総業務時間及び当該時間に含まれる超過勤務時間」について、短縮している</t>
    <rPh sb="9" eb="11">
      <t>トウガイ</t>
    </rPh>
    <rPh sb="11" eb="13">
      <t>ジカン</t>
    </rPh>
    <rPh sb="14" eb="15">
      <t>フク</t>
    </rPh>
    <rPh sb="30" eb="32">
      <t>タンシュク</t>
    </rPh>
    <phoneticPr fontId="2"/>
  </si>
  <si>
    <t>③「年次有給休暇の取得状況」について、維持または増加している</t>
    <rPh sb="9" eb="13">
      <t>シュトクジョウキョウ</t>
    </rPh>
    <rPh sb="19" eb="21">
      <t>イジ</t>
    </rPh>
    <rPh sb="24" eb="26">
      <t>ゾウカ</t>
    </rPh>
    <phoneticPr fontId="2"/>
  </si>
  <si>
    <t>以下①～③の介護機器をすべて使用している</t>
    <rPh sb="0" eb="2">
      <t>イカ</t>
    </rPh>
    <rPh sb="6" eb="8">
      <t>カイゴ</t>
    </rPh>
    <rPh sb="8" eb="10">
      <t>キキ</t>
    </rPh>
    <rPh sb="14" eb="16">
      <t>シヨウ</t>
    </rPh>
    <phoneticPr fontId="2"/>
  </si>
  <si>
    <t>①見守り機器（全ての居室）</t>
    <rPh sb="1" eb="3">
      <t>ミマモ</t>
    </rPh>
    <rPh sb="4" eb="6">
      <t>キキ</t>
    </rPh>
    <rPh sb="7" eb="8">
      <t>スベ</t>
    </rPh>
    <rPh sb="10" eb="12">
      <t>キョシツ</t>
    </rPh>
    <phoneticPr fontId="2"/>
  </si>
  <si>
    <t>使用</t>
    <rPh sb="0" eb="2">
      <t>シヨウ</t>
    </rPh>
    <phoneticPr fontId="2"/>
  </si>
  <si>
    <t>②インカム等の職員間の連絡調整の迅速化に資するＩＣＴ機器（職員全員）</t>
    <rPh sb="5" eb="6">
      <t>トウ</t>
    </rPh>
    <rPh sb="7" eb="9">
      <t>ショクイン</t>
    </rPh>
    <rPh sb="9" eb="10">
      <t>カン</t>
    </rPh>
    <rPh sb="11" eb="13">
      <t>レンラク</t>
    </rPh>
    <rPh sb="13" eb="15">
      <t>チョウセイ</t>
    </rPh>
    <rPh sb="16" eb="18">
      <t>ジンソク</t>
    </rPh>
    <rPh sb="18" eb="19">
      <t>カ</t>
    </rPh>
    <rPh sb="20" eb="21">
      <t>シ</t>
    </rPh>
    <rPh sb="26" eb="28">
      <t>キキ</t>
    </rPh>
    <rPh sb="29" eb="31">
      <t>ショクイン</t>
    </rPh>
    <rPh sb="31" eb="33">
      <t>ゼンイン</t>
    </rPh>
    <phoneticPr fontId="2"/>
  </si>
  <si>
    <t>③介護記録ソフトウェアやスマートフォン等の介護記録の作成の効率化に資するＩＣＴ機器</t>
    <phoneticPr fontId="2"/>
  </si>
  <si>
    <t>職員間の適切な役割分担（利用者の介助に集中して従事する介護職員を設けることやいわゆる介護助手の活用等）による業務の効率化等を図るために必要な職員研修等を定期的に実施している</t>
    <phoneticPr fontId="2"/>
  </si>
  <si>
    <t>事業年度ごとに取組に関する実績を厚生労働省に報告している。</t>
    <phoneticPr fontId="2"/>
  </si>
  <si>
    <t>以下①～③の介護機器のうちいずれかを使用している</t>
    <rPh sb="0" eb="2">
      <t>イカ</t>
    </rPh>
    <rPh sb="6" eb="8">
      <t>カイゴ</t>
    </rPh>
    <rPh sb="8" eb="10">
      <t>キキ</t>
    </rPh>
    <rPh sb="18" eb="20">
      <t>シヨウ</t>
    </rPh>
    <phoneticPr fontId="2"/>
  </si>
  <si>
    <t>生産性向上推進体制加算（Ⅱ）</t>
    <rPh sb="0" eb="5">
      <t>セイサンセイコウジョウ</t>
    </rPh>
    <rPh sb="5" eb="7">
      <t>スイシン</t>
    </rPh>
    <rPh sb="7" eb="9">
      <t>タイセイ</t>
    </rPh>
    <rPh sb="9" eb="11">
      <t>カサン</t>
    </rPh>
    <phoneticPr fontId="2"/>
  </si>
  <si>
    <t>認知症加算（Ⅲ）</t>
    <rPh sb="0" eb="3">
      <t>ニンチショウ</t>
    </rPh>
    <rPh sb="3" eb="5">
      <t>カサン</t>
    </rPh>
    <phoneticPr fontId="2"/>
  </si>
  <si>
    <t>認知症加算（Ⅳ）</t>
    <rPh sb="0" eb="3">
      <t>ニンチショウ</t>
    </rPh>
    <rPh sb="3" eb="5">
      <t>カサン</t>
    </rPh>
    <phoneticPr fontId="2"/>
  </si>
  <si>
    <t>護職員、看護職員ごとの認知症ケアに関する研修計画を作成し、実施又は実施を予定している</t>
    <phoneticPr fontId="2"/>
  </si>
  <si>
    <t>認知症介護実践リーダー研修等修了者を認知症高齢者の日常生活自立度　Ⅲ以上の者が２０人未満の場合は１以上、２０人以上の場合は１に、当該対象者の数が１９を超えて１０又は端数を増すごとに１を加えて得た数以上配置している</t>
    <phoneticPr fontId="2"/>
  </si>
  <si>
    <t>他の介護サービスの事業所において口腔連携強化加算を算定していない。</t>
    <rPh sb="0" eb="1">
      <t>ホカ</t>
    </rPh>
    <rPh sb="2" eb="4">
      <t>カイゴ</t>
    </rPh>
    <rPh sb="9" eb="12">
      <t>ジギョウショ</t>
    </rPh>
    <rPh sb="16" eb="20">
      <t>コウクウレンケイ</t>
    </rPh>
    <rPh sb="20" eb="24">
      <t>キョウカカサン</t>
    </rPh>
    <rPh sb="25" eb="27">
      <t>サンテイ</t>
    </rPh>
    <phoneticPr fontId="2"/>
  </si>
  <si>
    <t>（１）（２）のいずれかに適合する</t>
    <phoneticPr fontId="2"/>
  </si>
  <si>
    <t>情報通信機器を用いた在宅での看取りに係る研修を受けた看護師が配置されている</t>
    <phoneticPr fontId="2"/>
  </si>
  <si>
    <t>医科診療報酬点数表の区分番号Ｃ００１の注８に規定する死亡診断加算を算定する利用者について、その主治の医師の指示に基づき、情報通信機器を用いて医師の死亡診断の補助を行った</t>
    <phoneticPr fontId="2"/>
  </si>
  <si>
    <t>厚生労働省「情報通信機器（ＩＣＴ）を利用した死亡診断等ガイドライン」に基づく「法医学等に関する一定の教育」</t>
    <phoneticPr fontId="2"/>
  </si>
  <si>
    <t>当該利用者が別に厚生労働大臣が定める地域に居住する利用者である</t>
    <phoneticPr fontId="2"/>
  </si>
  <si>
    <t>平24告120</t>
    <phoneticPr fontId="2"/>
  </si>
  <si>
    <t>看護体制強化加算（Ⅱ）</t>
    <rPh sb="0" eb="2">
      <t>カンゴ</t>
    </rPh>
    <rPh sb="2" eb="4">
      <t>タイセイ</t>
    </rPh>
    <rPh sb="4" eb="6">
      <t>キョウカ</t>
    </rPh>
    <rPh sb="6" eb="8">
      <t>カサン</t>
    </rPh>
    <phoneticPr fontId="2"/>
  </si>
  <si>
    <t>看護体制強化加算（Ⅰ）</t>
    <rPh sb="0" eb="2">
      <t>カンゴ</t>
    </rPh>
    <rPh sb="2" eb="4">
      <t>タイセイ</t>
    </rPh>
    <rPh sb="4" eb="6">
      <t>キョウカ</t>
    </rPh>
    <rPh sb="6" eb="8">
      <t>カサン</t>
    </rPh>
    <phoneticPr fontId="2"/>
  </si>
  <si>
    <t>１、２、３の割合及び人数の記録（毎月）</t>
    <rPh sb="6" eb="8">
      <t>ワリアイ</t>
    </rPh>
    <rPh sb="8" eb="9">
      <t>オヨ</t>
    </rPh>
    <rPh sb="10" eb="12">
      <t>ニンズウ</t>
    </rPh>
    <rPh sb="13" eb="15">
      <t>キロク</t>
    </rPh>
    <rPh sb="16" eb="18">
      <t>マイツキ</t>
    </rPh>
    <phoneticPr fontId="2"/>
  </si>
  <si>
    <t>総合マネジメント体制強化加算（Ⅱ）</t>
    <rPh sb="0" eb="2">
      <t>ソウゴウ</t>
    </rPh>
    <rPh sb="8" eb="10">
      <t>タイセイ</t>
    </rPh>
    <rPh sb="10" eb="12">
      <t>キョウカ</t>
    </rPh>
    <rPh sb="12" eb="14">
      <t>カサン</t>
    </rPh>
    <phoneticPr fontId="2"/>
  </si>
  <si>
    <t>日常的に利用者と関わりのある地域住民等の相談に対応する体制を確保している</t>
    <phoneticPr fontId="2"/>
  </si>
  <si>
    <t>必要に応じて、多様な主体により提供される登録者の生活全般を支援するサービスが包括的に提供されるような居宅サービス計画を作成している</t>
    <phoneticPr fontId="2"/>
  </si>
  <si>
    <t>（1）～（４）のいずれかに適合すること</t>
    <phoneticPr fontId="2"/>
  </si>
  <si>
    <t>地域住民等との連携により、地域資源を効果的に活用し、利用者の状態に応じた支援を行っていること</t>
    <phoneticPr fontId="2"/>
  </si>
  <si>
    <t>障害福祉サービス事業所、児童福祉施設等と協働し、地域において世代間の交流の場の拠点となっている</t>
    <rPh sb="0" eb="1">
      <t>ショウ</t>
    </rPh>
    <phoneticPr fontId="2"/>
  </si>
  <si>
    <t>地域住民等、他事業所等と共同で事例検討会、研修会等を実施している</t>
    <phoneticPr fontId="2"/>
  </si>
  <si>
    <t>市町村が実施する通いの場や在宅医療・介護連携推進事業等の地域支援事業等に参加している</t>
    <phoneticPr fontId="2"/>
  </si>
  <si>
    <t>入所者又は利用者ごとに、施設入所時又は利用開始時に褥瘡の有無を確認するとともに、褥瘡の発生と関連のあるリスクについて、施設入所時又は利用開始時に評価し、その後少なくとも三月に一回評価している</t>
    <phoneticPr fontId="2"/>
  </si>
  <si>
    <t>評価結果等の情報を厚生労働省に提出し、褥瘡管理の実施に当たって、適切かつ有効な実施のために必要な情報を活用している</t>
    <phoneticPr fontId="2"/>
  </si>
  <si>
    <t>評価ごとに実施</t>
    <rPh sb="0" eb="2">
      <t>ヒョウカ</t>
    </rPh>
    <rPh sb="5" eb="7">
      <t>ジッシ</t>
    </rPh>
    <phoneticPr fontId="2"/>
  </si>
  <si>
    <t>評価に基づき、少なくとも３月に１回、入所者又は利用者ごとに支援計画を見直している</t>
    <phoneticPr fontId="2"/>
  </si>
  <si>
    <t>利用者ごとの褥瘡ケア計画に従い褥瘡管理を実施するとともに、その管理の内容や入所者又は利用者の状態について定期的に記録している</t>
    <phoneticPr fontId="2"/>
  </si>
  <si>
    <t>褥瘡が認められた利用者について、当該褥瘡が治癒したこと又は、利用開始時に褥瘡が発生するリスクがあるとされた入所者又は利用者について、褥瘡の発生のないこと</t>
    <rPh sb="27" eb="28">
      <t>マタ</t>
    </rPh>
    <phoneticPr fontId="2"/>
  </si>
  <si>
    <t>要介護状態の軽減の見込みについて、利用開始時に評価、その後少なくとも３月に１回評価するとともに、厚生労働省に提出し、排せつ支援の実施に当たって、必要な情報を活用</t>
    <phoneticPr fontId="2"/>
  </si>
  <si>
    <t>利用開始時と比較して、排尿又は排便の状態の少なくとも一方が改善し、いずれにも悪化がないこと</t>
    <phoneticPr fontId="2"/>
  </si>
  <si>
    <t>利用開始時におむつを使用していた者であって要介護状態の軽減が見込まれるものについて、おむつを使用しなくなったこと</t>
    <phoneticPr fontId="2"/>
  </si>
  <si>
    <t>利用開始時に尿道カテーテルが留置されていた者であって要介護状態の軽減が見込まれるものについて、尿道カテーテルが抜去されたこと</t>
    <phoneticPr fontId="2"/>
  </si>
  <si>
    <t>排せつ支援加算Ⅲ</t>
    <phoneticPr fontId="2"/>
  </si>
  <si>
    <t>保健師助産師看護師法第三十七条の二第二項第五号に規定する指定研修機関において、同項第一号に規定する特定行為のうち訪問看護において専門の管理を必要とするものに係る研修を修了した看護師が配置されている。</t>
    <phoneticPr fontId="2"/>
  </si>
  <si>
    <t>特定行為研修を修了した看護師が計画的な管理を行っている</t>
    <phoneticPr fontId="2"/>
  </si>
  <si>
    <t>（２）以下のすべてに該当する</t>
    <rPh sb="3" eb="5">
      <t>イカ</t>
    </rPh>
    <rPh sb="10" eb="12">
      <t>ガイトウ</t>
    </rPh>
    <phoneticPr fontId="2"/>
  </si>
  <si>
    <t>（１）以下のすべてに該当する</t>
    <rPh sb="3" eb="5">
      <t>イカ</t>
    </rPh>
    <rPh sb="10" eb="12">
      <t>ガイトウ</t>
    </rPh>
    <phoneticPr fontId="2"/>
  </si>
  <si>
    <t>緩和ケア、褥瘡ケア又は人工肛門ケア及び人工膀胱ケアに係る専門の研修を受けた看護師が配置されている。</t>
    <phoneticPr fontId="2"/>
  </si>
  <si>
    <t>緩和ケア、褥瘡ケア又は人工肛門ケア及び人工膀胱ケアに係る専門の研修を受けた看護師が計画的な管理を行っている</t>
    <phoneticPr fontId="2"/>
  </si>
  <si>
    <t>看護小規模多機能型居宅介護計画の随時見直しを行っている</t>
    <rPh sb="0" eb="2">
      <t>カンゴ</t>
    </rPh>
    <rPh sb="2" eb="5">
      <t>ショウキボ</t>
    </rPh>
    <rPh sb="5" eb="9">
      <t>タキノウガタ</t>
    </rPh>
    <rPh sb="9" eb="11">
      <t>キョタク</t>
    </rPh>
    <rPh sb="11" eb="13">
      <t>カイゴ</t>
    </rPh>
    <rPh sb="13" eb="15">
      <t>ケイカク</t>
    </rPh>
    <rPh sb="16" eb="18">
      <t>ズイジ</t>
    </rPh>
    <rPh sb="18" eb="20">
      <t>ミナオ</t>
    </rPh>
    <rPh sb="22" eb="23">
      <t>オコナ</t>
    </rPh>
    <phoneticPr fontId="2"/>
  </si>
  <si>
    <t>栄養アセスメント加算を算定している間である又は当該利用者が栄養改善加算の算定に係る栄養改善サービスを受けている間である若しくは当該栄養改善サービスが終了した日の属する月
（栄養状態のスクリーニングを行った結果、栄養改善サービスが必要であると判断され、栄養改善サービスが開始された日の属する月を除く。）</t>
    <rPh sb="17" eb="18">
      <t>アイダ</t>
    </rPh>
    <phoneticPr fontId="2"/>
  </si>
  <si>
    <t>口腔機能向上加算の算定に係る口腔機能向上サービスを受けている間である又は当該口腔機能向上サービスが終了した日の属する月
（口腔の健康状態のスクリーニングを行った結果、口腔機能向上サービスが必要であると判断され、口腔機能向上サービスが開始された日の属する月を除く。）</t>
    <phoneticPr fontId="2"/>
  </si>
  <si>
    <t>口腔機能向上加算の算定に係る口腔機能向上サービスを受けている間である又は当該口腔機能向上サービスが終了した日の属する月
（栄養状態のスクリーニングを行った結果、栄養改善サービスが必要であると判断され、栄養改善サービスが開始された日の属する月を除く。）</t>
    <phoneticPr fontId="2"/>
  </si>
  <si>
    <t>利用者毎の口腔機能改善管理指導計画等の内容等を厚生労働省（LIFE)に「少なくとも3か月に1回」提供及び情報の活用</t>
    <rPh sb="0" eb="3">
      <t>リヨウシャ</t>
    </rPh>
    <rPh sb="3" eb="4">
      <t>ゴト</t>
    </rPh>
    <rPh sb="19" eb="21">
      <t>ナイヨウ</t>
    </rPh>
    <rPh sb="21" eb="22">
      <t>トウ</t>
    </rPh>
    <rPh sb="23" eb="25">
      <t>コウセイ</t>
    </rPh>
    <rPh sb="25" eb="28">
      <t>ロウドウショウ</t>
    </rPh>
    <rPh sb="36" eb="37">
      <t>スク</t>
    </rPh>
    <rPh sb="43" eb="44">
      <t>ゲツ</t>
    </rPh>
    <rPh sb="46" eb="47">
      <t>カイ</t>
    </rPh>
    <rPh sb="48" eb="50">
      <t>テイキョウ</t>
    </rPh>
    <rPh sb="50" eb="51">
      <t>オヨ</t>
    </rPh>
    <rPh sb="52" eb="54">
      <t>ジョウホウ</t>
    </rPh>
    <rPh sb="55" eb="57">
      <t>カツヨウ</t>
    </rPh>
    <phoneticPr fontId="2"/>
  </si>
  <si>
    <t>緊急時対応加算</t>
    <rPh sb="0" eb="3">
      <t>キンキュウジ</t>
    </rPh>
    <rPh sb="3" eb="5">
      <t>タイオウ</t>
    </rPh>
    <rPh sb="5" eb="7">
      <t>カサン</t>
    </rPh>
    <phoneticPr fontId="2"/>
  </si>
  <si>
    <t>看護に関する相談に常時対応し、緊急時の訪問及び計画的に宿泊することとなっていない緊急時における宿泊を必要に応じ行うことができる体制</t>
    <rPh sb="0" eb="2">
      <t>カンゴ</t>
    </rPh>
    <rPh sb="3" eb="4">
      <t>カン</t>
    </rPh>
    <rPh sb="6" eb="8">
      <t>ソウダン</t>
    </rPh>
    <rPh sb="9" eb="11">
      <t>ジョウジ</t>
    </rPh>
    <rPh sb="11" eb="13">
      <t>タイオウ</t>
    </rPh>
    <rPh sb="15" eb="18">
      <t>キンキュウジ</t>
    </rPh>
    <rPh sb="19" eb="21">
      <t>ホウモン</t>
    </rPh>
    <rPh sb="50" eb="52">
      <t>ヒツヨウ</t>
    </rPh>
    <rPh sb="53" eb="54">
      <t>オウ</t>
    </rPh>
    <rPh sb="55" eb="56">
      <t>オコナ</t>
    </rPh>
    <rPh sb="63" eb="65">
      <t>タイセイ</t>
    </rPh>
    <phoneticPr fontId="2"/>
  </si>
  <si>
    <t>２　算定日が属する月の前３月間において、利用者の総数のうち、緊急時対応加算を算定した利用者の占める割合</t>
    <rPh sb="2" eb="4">
      <t>サンテイ</t>
    </rPh>
    <rPh sb="4" eb="5">
      <t>ビ</t>
    </rPh>
    <rPh sb="6" eb="7">
      <t>ゾク</t>
    </rPh>
    <rPh sb="9" eb="10">
      <t>ツキ</t>
    </rPh>
    <rPh sb="11" eb="12">
      <t>マエ</t>
    </rPh>
    <rPh sb="13" eb="14">
      <t>ツキ</t>
    </rPh>
    <rPh sb="14" eb="15">
      <t>カン</t>
    </rPh>
    <rPh sb="20" eb="23">
      <t>リヨウシャ</t>
    </rPh>
    <rPh sb="24" eb="26">
      <t>ソウスウ</t>
    </rPh>
    <rPh sb="30" eb="33">
      <t>キンキュウジ</t>
    </rPh>
    <rPh sb="33" eb="35">
      <t>タイオウ</t>
    </rPh>
    <rPh sb="35" eb="37">
      <t>カサン</t>
    </rPh>
    <rPh sb="38" eb="40">
      <t>サンテイ</t>
    </rPh>
    <rPh sb="42" eb="45">
      <t>リヨウシャ</t>
    </rPh>
    <rPh sb="46" eb="47">
      <t>シ</t>
    </rPh>
    <rPh sb="49" eb="51">
      <t>ワリアイ</t>
    </rPh>
    <phoneticPr fontId="2"/>
  </si>
  <si>
    <t>総合マネジメント体制強化加算（Ⅰ）</t>
    <rPh sb="0" eb="2">
      <t>ソウゴウ</t>
    </rPh>
    <rPh sb="8" eb="10">
      <t>タイセイ</t>
    </rPh>
    <rPh sb="10" eb="12">
      <t>キョウカ</t>
    </rPh>
    <rPh sb="12" eb="14">
      <t>カサン</t>
    </rPh>
    <phoneticPr fontId="2"/>
  </si>
  <si>
    <t>確認の結果、褥瘡が認められ、又は評価の結果、褥瘡が発生するリスクがあるとされた利用者ごとに、多職種で共同して褥瘡ケア計画を作成している</t>
    <rPh sb="39" eb="41">
      <t>リヨウ</t>
    </rPh>
    <rPh sb="50" eb="52">
      <t>キョウドウ</t>
    </rPh>
    <phoneticPr fontId="2"/>
  </si>
  <si>
    <t>認知症介護指導者養成研修等修了者を１名以上配置し、事業所全体の認知症ケアの指導等を実施している</t>
    <phoneticPr fontId="2"/>
  </si>
  <si>
    <t>事業所の従業者に対して、認知症ケアに関する留意事項の伝達又は技術的指導に係る会議を定期的に開催している</t>
    <phoneticPr fontId="2"/>
  </si>
  <si>
    <t xml:space="preserve">利用者ごとに管理栄養士等（管理栄養士、看護職員、介護職員、生活相談員その他の職員）が共同で栄養アセスメントを3ヶ月に1回以上行い、利用者、家族に結果を説明し、相談等に対応
</t>
    <phoneticPr fontId="2"/>
  </si>
  <si>
    <t>　　　⇒同一建物以外に居住する利用登録者が50％以上</t>
    <rPh sb="4" eb="6">
      <t>ドウイツ</t>
    </rPh>
    <rPh sb="6" eb="8">
      <t>タテモノ</t>
    </rPh>
    <rPh sb="8" eb="10">
      <t>イガイ</t>
    </rPh>
    <rPh sb="11" eb="13">
      <t>キョジュウ</t>
    </rPh>
    <rPh sb="15" eb="17">
      <t>リヨウ</t>
    </rPh>
    <rPh sb="17" eb="20">
      <t>トウロクシャ</t>
    </rPh>
    <rPh sb="24" eb="26">
      <t>イジョウ</t>
    </rPh>
    <phoneticPr fontId="2"/>
  </si>
  <si>
    <t>　　　⇒同一建物に集合住宅が併設</t>
    <rPh sb="4" eb="6">
      <t>ドウイツ</t>
    </rPh>
    <rPh sb="6" eb="8">
      <t>タテモノ</t>
    </rPh>
    <rPh sb="9" eb="11">
      <t>シュウゴウ</t>
    </rPh>
    <rPh sb="11" eb="13">
      <t>ジュウタク</t>
    </rPh>
    <rPh sb="14" eb="16">
      <t>ヘイセツ</t>
    </rPh>
    <phoneticPr fontId="2"/>
  </si>
  <si>
    <t xml:space="preserve">１１　（キャリアパスＶ）　一定割合以上の介護福祉士等を配置していること。
※サービス提供体制強化加算（Ⅰ）又は（Ⅱ）の届出
</t>
    <rPh sb="13" eb="19">
      <t>イッテイワリアイイジョウ</t>
    </rPh>
    <rPh sb="20" eb="24">
      <t>カイゴフクシ</t>
    </rPh>
    <rPh sb="24" eb="25">
      <t>シ</t>
    </rPh>
    <rPh sb="25" eb="26">
      <t>トウ</t>
    </rPh>
    <rPh sb="27" eb="29">
      <t>ハイチ</t>
    </rPh>
    <rPh sb="42" eb="44">
      <t>テイキョウ</t>
    </rPh>
    <rPh sb="44" eb="46">
      <t>タイセイ</t>
    </rPh>
    <rPh sb="46" eb="48">
      <t>キョウカ</t>
    </rPh>
    <rPh sb="48" eb="50">
      <t>カサン</t>
    </rPh>
    <rPh sb="53" eb="54">
      <t>マタ</t>
    </rPh>
    <rPh sb="59" eb="61">
      <t>トドケデ</t>
    </rPh>
    <phoneticPr fontId="2"/>
  </si>
  <si>
    <t xml:space="preserve">身体拘束廃止未実施減算
</t>
    <phoneticPr fontId="2"/>
  </si>
  <si>
    <t xml:space="preserve">業務継続計画を策定していない
</t>
    <rPh sb="0" eb="4">
      <t>ギョウムケイゾク</t>
    </rPh>
    <rPh sb="4" eb="6">
      <t>ケイカク</t>
    </rPh>
    <phoneticPr fontId="2"/>
  </si>
  <si>
    <t xml:space="preserve">（共通）介護職員等処遇改善加算
</t>
    <rPh sb="1" eb="3">
      <t>キョウツウ</t>
    </rPh>
    <rPh sb="4" eb="6">
      <t>カイゴ</t>
    </rPh>
    <rPh sb="6" eb="8">
      <t>ショクイン</t>
    </rPh>
    <rPh sb="8" eb="9">
      <t>トウ</t>
    </rPh>
    <rPh sb="9" eb="11">
      <t>ショグウ</t>
    </rPh>
    <rPh sb="11" eb="13">
      <t>カイゼン</t>
    </rPh>
    <rPh sb="13" eb="15">
      <t>カサン</t>
    </rPh>
    <phoneticPr fontId="2"/>
  </si>
  <si>
    <t>実績報告書　</t>
    <rPh sb="0" eb="2">
      <t>ジッセキ</t>
    </rPh>
    <rPh sb="2" eb="5">
      <t>ホウコクショ</t>
    </rPh>
    <phoneticPr fontId="2"/>
  </si>
  <si>
    <t xml:space="preserve">（加算Ⅰ）介護職員等処遇改善加算の場合
</t>
    <rPh sb="17" eb="19">
      <t>バアイ</t>
    </rPh>
    <phoneticPr fontId="2"/>
  </si>
  <si>
    <t xml:space="preserve">（加算Ⅱ）介護職員等処遇改善加算の場合
</t>
    <rPh sb="17" eb="19">
      <t>バアイ</t>
    </rPh>
    <phoneticPr fontId="2"/>
  </si>
  <si>
    <t xml:space="preserve">（加算Ⅲ）介護職員等処遇改善加算の場合
</t>
    <rPh sb="17" eb="19">
      <t>バアイ</t>
    </rPh>
    <phoneticPr fontId="2"/>
  </si>
  <si>
    <t xml:space="preserve">（加算Ⅳ）介護職員等処遇改善加算の場合
</t>
    <rPh sb="17" eb="19">
      <t>バアイ</t>
    </rPh>
    <phoneticPr fontId="2"/>
  </si>
  <si>
    <t xml:space="preserve">
事業者は、当該指定に係る事業所の名称及び所在地その他厚生労働省令で定める事項に変更があったとき、休止した事業を再開したときは10日以内に、その旨を市町村長に届け出ていますか。又、当該事業を休止若しくは廃止しようとするときは、その１か月前までに、厚生労働省令で定めるところによりその旨を市町村長に届け出ていますか。
①事業所の名称及び所在地
②申請者の名称及び主たる事務所の所在地並びにその代表者の氏名、生年月日、住所及び職名
③申請者の定款、寄付行為等及びその登記事項証明書又は条例等
④建物の構造概要及び平面図並びに設備の概要
⑤事業所の管理者の氏名、生年月日、住所及び経歴
⑥運営規程
⑦協力医療機関の名称及び診療科目並びに契約の内容(協力歯科医療機関があるときはこれを含む)
⑧介護老人福祉施設、介護老人保健施設、病院等との連携体制及び支援体制の概要
⑨地域密着型サービス費の請求に関する事項
⑩介護支援専門員の住所及びその登録番号</t>
    <phoneticPr fontId="2"/>
  </si>
  <si>
    <t>Ⅳ　変更の届出等</t>
    <rPh sb="2" eb="4">
      <t>ヘンコウ</t>
    </rPh>
    <rPh sb="5" eb="7">
      <t>トドケデ</t>
    </rPh>
    <rPh sb="7" eb="8">
      <t>トウ</t>
    </rPh>
    <phoneticPr fontId="2"/>
  </si>
  <si>
    <t>業務日誌を整備し、事業所として1日のサービス提供実績を記録していますか。</t>
    <phoneticPr fontId="2"/>
  </si>
  <si>
    <t>全職員について、出勤簿やタイムカード等により勤務実績がわかるようになっていますか。</t>
    <phoneticPr fontId="2"/>
  </si>
  <si>
    <t>管理者を含む従業者と労働契約（雇用契約）等を結んでいますか。</t>
    <phoneticPr fontId="2"/>
  </si>
  <si>
    <t>(2)利用者に対するサービスの提供に関する次に掲げる記録を整備し、その完結の日から５年間保存していますか。
①居宅サービス計画
②看護小規模多機能型居宅介護計画
③身体的拘束等の態様及び時間、その際の利用者の心身の状況並びに緊急やむを得ない理由の記録
④主治の医師による指示の文書
⑤看護小規模多機能型居宅介護報告書
⑥提供した具体的なサービスの内容等の記録
⑦利用者に関する市町村への通知に係る記録
⑧苦情の内容等の記録
⑨事故の状況及び事故に際して採った処置についての記録
⑩運営推進会議での報告、評価、要望、助言等の記録</t>
    <phoneticPr fontId="2"/>
  </si>
  <si>
    <t>(1)従業者、設備、備品及び会計に関する諸記録を整備していますか。</t>
    <phoneticPr fontId="2"/>
  </si>
  <si>
    <t>記録の整備</t>
    <rPh sb="0" eb="2">
      <t>キロク</t>
    </rPh>
    <rPh sb="3" eb="5">
      <t>セイビ</t>
    </rPh>
    <phoneticPr fontId="2"/>
  </si>
  <si>
    <t>事業所ごとに経理を区分し、介護の事業の会計とその他の事業の会計を区分していますか。</t>
    <phoneticPr fontId="2"/>
  </si>
  <si>
    <t>会計の区分</t>
    <rPh sb="0" eb="2">
      <t>カイケイ</t>
    </rPh>
    <rPh sb="3" eb="5">
      <t>クブン</t>
    </rPh>
    <phoneticPr fontId="2"/>
  </si>
  <si>
    <t>(4)前３号に掲げる措置を適切に実施するための担当者を置いていますか。</t>
    <phoneticPr fontId="2"/>
  </si>
  <si>
    <t>(3)看護小規模多機能型居宅介護従業者に対し、虐待の防止のための研修を定期的に（年１回以上）実施していますか。また、研修の実施内容について記録していますか。</t>
    <rPh sb="3" eb="5">
      <t>カンゴ</t>
    </rPh>
    <phoneticPr fontId="2"/>
  </si>
  <si>
    <t>(2)当該指定看護小規模多機能型居宅支援事業所における虐待の防止のための指針を整備していますか。</t>
    <rPh sb="7" eb="9">
      <t>カンゴ</t>
    </rPh>
    <rPh sb="9" eb="12">
      <t>ショウキボ</t>
    </rPh>
    <rPh sb="12" eb="15">
      <t>タキノウ</t>
    </rPh>
    <rPh sb="15" eb="16">
      <t>ガタ</t>
    </rPh>
    <rPh sb="16" eb="18">
      <t>キョタク</t>
    </rPh>
    <phoneticPr fontId="2"/>
  </si>
  <si>
    <t>・虐待の防止のための指針
・委員会及び周知の記録
・研修及び訓練計画、実施記録
・担当者を設置したことが分かる文書</t>
    <rPh sb="28" eb="29">
      <t>オヨ</t>
    </rPh>
    <rPh sb="30" eb="34">
      <t>クンレンケイカク</t>
    </rPh>
    <rPh sb="35" eb="37">
      <t>ジッシ</t>
    </rPh>
    <rPh sb="41" eb="44">
      <t>タントウシャ</t>
    </rPh>
    <rPh sb="45" eb="47">
      <t>セッチ</t>
    </rPh>
    <rPh sb="52" eb="53">
      <t>ワ</t>
    </rPh>
    <rPh sb="55" eb="57">
      <t>ブンショ</t>
    </rPh>
    <phoneticPr fontId="35"/>
  </si>
  <si>
    <t>(1)虐待の防止ための対策を検討する委員会（テレビ電話装置等を活用して行うことができるものとする。）を定期的に開催するとともに、その結果について、小規模多機能型居宅介護従業者に周知徹底を図っていますか。</t>
    <rPh sb="73" eb="84">
      <t>ショウキボタキノウガタキョタクカイゴ</t>
    </rPh>
    <rPh sb="84" eb="86">
      <t>ジュウギョウ</t>
    </rPh>
    <rPh sb="86" eb="87">
      <t>シャ</t>
    </rPh>
    <phoneticPr fontId="2"/>
  </si>
  <si>
    <t>(5)損害賠償保険に加入していますか。
利用者に対するサービスの提供により賠償すべき事故が発生した場合は、損害賠償を速やかに行っていますか。</t>
    <phoneticPr fontId="2"/>
  </si>
  <si>
    <t>(4)事故が生じた際には、原因を解明し、再発生を防ぐための対策を講じていますか。</t>
    <phoneticPr fontId="35"/>
  </si>
  <si>
    <t>(3)(2)の事故の状況及び事故に際して採った処置について記録していますか。</t>
    <phoneticPr fontId="2"/>
  </si>
  <si>
    <t>(2)利用者に対するサービスの提供により、事故が発生した場合は、市町村、当該利用者の家族、当該利用者に係る居宅介護支援事業者等に連絡を行うとともに、必要な措置を講じていますか。</t>
    <phoneticPr fontId="2"/>
  </si>
  <si>
    <t xml:space="preserve">
・事故対応マニュアル
・市町村、家族、介護支援専門員等への報告記録
・再発防止策の記録
・ヒヤリハットの記録</t>
    <phoneticPr fontId="2"/>
  </si>
  <si>
    <t>(1)事故対応マニュアルを策定し、周知徹底していますか。</t>
    <phoneticPr fontId="2"/>
  </si>
  <si>
    <t>事故発生時の対応🔶</t>
    <rPh sb="0" eb="2">
      <t>ジコ</t>
    </rPh>
    <rPh sb="2" eb="4">
      <t>ハッセイ</t>
    </rPh>
    <rPh sb="4" eb="5">
      <t>ジ</t>
    </rPh>
    <rPh sb="6" eb="8">
      <t>タイオウ</t>
    </rPh>
    <phoneticPr fontId="2"/>
  </si>
  <si>
    <r>
      <t>利用者の安全並びに介護サービスの質の確保及び職員の負担軽減に資する方策を検討するための委員会の設置</t>
    </r>
    <r>
      <rPr>
        <b/>
        <sz val="10"/>
        <rFont val="ＭＳ ゴシック"/>
        <family val="3"/>
        <charset val="128"/>
      </rPr>
      <t xml:space="preserve">
</t>
    </r>
    <r>
      <rPr>
        <sz val="10"/>
        <rFont val="ＭＳ ゴシック"/>
        <family val="3"/>
        <charset val="128"/>
      </rPr>
      <t>事業所における業務の効率化、介護サービスの質の向上その他の生産性の向上に資する取組の促進を図るため、事業所における利用者の安全並びに介護サービスの質の確保及び職員の負担軽減に資する方策を検討するための委員会を定期的に開催しているか。（テレビ電話装置等を活用してもかまわない）
※令和9年3月31日まで努力義務</t>
    </r>
    <rPh sb="0" eb="3">
      <t>リヨウシャ</t>
    </rPh>
    <rPh sb="4" eb="7">
      <t>アンゼンナラ</t>
    </rPh>
    <rPh sb="9" eb="11">
      <t>カイゴ</t>
    </rPh>
    <rPh sb="16" eb="17">
      <t>シツ</t>
    </rPh>
    <rPh sb="18" eb="20">
      <t>カクホ</t>
    </rPh>
    <rPh sb="20" eb="21">
      <t>オヨ</t>
    </rPh>
    <rPh sb="47" eb="49">
      <t>セッチ</t>
    </rPh>
    <rPh sb="51" eb="54">
      <t>ジギョウショ</t>
    </rPh>
    <rPh sb="58" eb="60">
      <t>ギョウム</t>
    </rPh>
    <rPh sb="61" eb="64">
      <t>コウリツカ</t>
    </rPh>
    <rPh sb="65" eb="67">
      <t>カイゴ</t>
    </rPh>
    <rPh sb="72" eb="73">
      <t>シツ</t>
    </rPh>
    <rPh sb="74" eb="76">
      <t>コウジョウ</t>
    </rPh>
    <rPh sb="78" eb="88">
      <t>タノセイサンセイノコウジョウニシ</t>
    </rPh>
    <rPh sb="90" eb="92">
      <t>トリクミ</t>
    </rPh>
    <rPh sb="93" eb="95">
      <t>ソクシン</t>
    </rPh>
    <rPh sb="96" eb="97">
      <t>ハカ</t>
    </rPh>
    <rPh sb="101" eb="104">
      <t>ジギョウショ</t>
    </rPh>
    <rPh sb="108" eb="111">
      <t>リヨウシャ</t>
    </rPh>
    <rPh sb="112" eb="115">
      <t>アンゼンナラ</t>
    </rPh>
    <rPh sb="117" eb="119">
      <t>カイゴ</t>
    </rPh>
    <rPh sb="124" eb="125">
      <t>シツ</t>
    </rPh>
    <rPh sb="126" eb="129">
      <t>カクホオヨ</t>
    </rPh>
    <rPh sb="130" eb="132">
      <t>ショクイン</t>
    </rPh>
    <rPh sb="133" eb="137">
      <t>フタンケイゲン</t>
    </rPh>
    <rPh sb="155" eb="158">
      <t>テイキテキ</t>
    </rPh>
    <rPh sb="159" eb="161">
      <t>カイサイ</t>
    </rPh>
    <rPh sb="171" eb="176">
      <t>デンワソウチトウ</t>
    </rPh>
    <rPh sb="177" eb="179">
      <t>カツヨウ</t>
    </rPh>
    <rPh sb="190" eb="192">
      <t>レイワ</t>
    </rPh>
    <rPh sb="193" eb="194">
      <t>ネン</t>
    </rPh>
    <rPh sb="195" eb="196">
      <t>ガツ</t>
    </rPh>
    <rPh sb="198" eb="199">
      <t>ニチ</t>
    </rPh>
    <rPh sb="201" eb="205">
      <t>ドリョクギム</t>
    </rPh>
    <phoneticPr fontId="35"/>
  </si>
  <si>
    <t>可能な限り、利用者がその居宅において生活を継続できるよう支援することを前提としつつ、利用者が他の施設等へ入所等を希望した場合は、円滑にそれらの施設へ入所等が行えるよう、必要な措置を講ずるよう努めていますか。</t>
    <phoneticPr fontId="2"/>
  </si>
  <si>
    <t>居住機能を担う併設施設等への入居</t>
    <rPh sb="0" eb="2">
      <t>キョジュウ</t>
    </rPh>
    <rPh sb="2" eb="4">
      <t>キノウ</t>
    </rPh>
    <rPh sb="5" eb="6">
      <t>ニナ</t>
    </rPh>
    <rPh sb="7" eb="9">
      <t>ヘイセツ</t>
    </rPh>
    <rPh sb="9" eb="11">
      <t>シセツ</t>
    </rPh>
    <rPh sb="11" eb="12">
      <t>トウ</t>
    </rPh>
    <rPh sb="14" eb="16">
      <t>ニュウキョ</t>
    </rPh>
    <phoneticPr fontId="2"/>
  </si>
  <si>
    <t>(6)当該事業所の所在する建物と同一の建物に居住する利用者に対して複合型サービスを提供する場合は、当該建物に居住する利用者以外の者に対しても介護の提供を行うよう努めていますか。</t>
    <phoneticPr fontId="2"/>
  </si>
  <si>
    <t>(5)事業の運営に当たっては、提供した複合型サービスに関する利用者からの苦情に関して、市町村等が派遣する者が相談及び援助を行う事業その他の市町村が実施する事業に協力するように努めていますか。</t>
    <phoneticPr fontId="2"/>
  </si>
  <si>
    <t>(4)事業の運営に当たっては、地域住民又はその自発的な活動等との連携及び協力を行う等の地域との交流を図っていますか。</t>
    <phoneticPr fontId="2"/>
  </si>
  <si>
    <t>(3)運営推進会議で出された報告、評価、要望、助言等についての記録を作成し、これを公表していますか。</t>
    <phoneticPr fontId="2"/>
  </si>
  <si>
    <t>(2)運営推進会議をおおむね2月に1回以上開催し、通いサービス、宿泊サービスの提供回数等の活動状況を報告しその評価を受けるとともに、必要な要望、助言等を聴く機会を設けていますか。</t>
    <phoneticPr fontId="2"/>
  </si>
  <si>
    <t xml:space="preserve">
・運営推進会議の記録</t>
    <rPh sb="2" eb="8">
      <t>ウンエイスイシンカイギ</t>
    </rPh>
    <rPh sb="9" eb="11">
      <t>キロク</t>
    </rPh>
    <phoneticPr fontId="2"/>
  </si>
  <si>
    <t>(1)サービスの提供に当たっては、利用者、利用者の家族、地域住民の代表者、事業所が所在する市町村の職員又は地域包括支援センターの職員、看護小規模多機能型居宅介護について知見を有する者等により構成される運営推進会議を設置していますか。
※テレビ電話装置等を活用して行うことができる。ただし、利用者等が参加する場合は利用者等の同意を得ること。</t>
    <rPh sb="147" eb="148">
      <t>トウ</t>
    </rPh>
    <phoneticPr fontId="2"/>
  </si>
  <si>
    <t>地域との連携等🔶</t>
    <phoneticPr fontId="2"/>
  </si>
  <si>
    <t>提供したサービスに関し、利用者の心身の状況を踏まえ、妥当適切なサービスが行われているかどうかを確認するために市町村が行う調査に協力するとともに、市町村から指導又は助言を受けた場合においては、当該指導又は助言に従って必要な改善を行っていますか。</t>
    <phoneticPr fontId="2"/>
  </si>
  <si>
    <t>調査への協力等</t>
  </si>
  <si>
    <t>(8)事業者は、国民健康保険団体連合会からの求めがあった場合には、改善の内容を国民健康保険団体連合会に報告していますか。</t>
    <phoneticPr fontId="2"/>
  </si>
  <si>
    <t>(7)提供したサービスに係る利用者からの苦情に関して国民健康保険団体連合会が行う調査に協力するとともに、国民健康保険団体連合会からの指導又は助言を受けた場合においては、当該指導又は助言に従って必要な改善を行っていますか。</t>
    <phoneticPr fontId="2"/>
  </si>
  <si>
    <t>(6)市町村からの求めがあった場合には、改善の内容を市町村に報告していますか。</t>
    <phoneticPr fontId="2"/>
  </si>
  <si>
    <t>(5)提供したサービスに関し、市町村が行う文書その他の物件の提出等に応じ、及び市町村が行う調査に協力するとともに、市町村から指導又は助言を受けた場合においては、当該指導又は助言に従って必要な改善を行っていますか。</t>
    <rPh sb="89" eb="90">
      <t>シタガ</t>
    </rPh>
    <phoneticPr fontId="2"/>
  </si>
  <si>
    <t>(4)苦情がサービスの質の向上を図る上での重要な情報であるとの認識に立ち、苦情の内容を踏まえ、サービスの質の向上に向けた取り組みを自ら行っていますか。
実際にあった苦情及びその原因と対応策について、職員に周知するなど再発防止に努めていますか。</t>
    <phoneticPr fontId="2"/>
  </si>
  <si>
    <t>(3)苦情を受け付けた場合には、当該苦情の内容等を記録していますか。</t>
    <phoneticPr fontId="2"/>
  </si>
  <si>
    <t>(2)利用者及びその家族に対し、相談窓口、苦情処理の体制及び手順等の概要について明らかにし、サービスの内容を説明する文書に苦情に対する対応の内容についても記載するとともに、事業所に掲示していますか。</t>
    <phoneticPr fontId="2"/>
  </si>
  <si>
    <t xml:space="preserve">
・苦情の受付簿
・苦情者への対応記録
・苦情対応マニュアル</t>
    <rPh sb="3" eb="5">
      <t>クジョウ</t>
    </rPh>
    <rPh sb="6" eb="8">
      <t>ウケツケ</t>
    </rPh>
    <rPh sb="8" eb="9">
      <t>ボ</t>
    </rPh>
    <rPh sb="11" eb="13">
      <t>クジョウ</t>
    </rPh>
    <rPh sb="13" eb="14">
      <t>シャ</t>
    </rPh>
    <rPh sb="16" eb="18">
      <t>タイオウ</t>
    </rPh>
    <rPh sb="18" eb="20">
      <t>キロク</t>
    </rPh>
    <rPh sb="22" eb="26">
      <t>クジョウタイオウ</t>
    </rPh>
    <phoneticPr fontId="2"/>
  </si>
  <si>
    <t>(1)提供したサービスに係る利用者及びその家族からの苦情に迅速かつ適切に対応するために、苦情を受け付けるための窓口を設置する等の必要な措置を講じていますか。</t>
    <phoneticPr fontId="2"/>
  </si>
  <si>
    <t>苦情処理🔶</t>
    <rPh sb="0" eb="2">
      <t>クジョウ</t>
    </rPh>
    <rPh sb="2" eb="4">
      <t>ショリ</t>
    </rPh>
    <phoneticPr fontId="2"/>
  </si>
  <si>
    <t>居宅介護支援事業者又はその従業者に対し、利用者に特定の事業者によるサービスを利用させることの対償として、金品その他の財産上の利益を供与していませんか。</t>
    <phoneticPr fontId="2"/>
  </si>
  <si>
    <t>居宅介護支援事業者に対する利益供与等の禁止</t>
  </si>
  <si>
    <t xml:space="preserve">
・パンフレット、チラシ</t>
    <phoneticPr fontId="2"/>
  </si>
  <si>
    <t>広告をする場合においては、その内容が虚偽又は誇大なものとなっていませんか。</t>
    <phoneticPr fontId="2"/>
  </si>
  <si>
    <t>広告🔶</t>
    <phoneticPr fontId="2"/>
  </si>
  <si>
    <t>(3)サービス担当者会議等において、利用者の個人情報を用いる場合は利用者の同意を、利用者の家族の個人情報を用いる場合は当該家族の同意を、あらかじめ文書により得ていますか。</t>
    <phoneticPr fontId="2"/>
  </si>
  <si>
    <t>(2)当該事業所の従業者であった者が、正当な理由がなく、その業務上知り得た利用者又はその家族の秘密を漏らすことがないよう、必要な措置を講じていますか。
雇用時に「秘密保持の誓約書」を交わすなど、必要な措置を講じていますか。</t>
    <phoneticPr fontId="2"/>
  </si>
  <si>
    <t>・個人情報同意書
・従業員の秘密保持誓約書</t>
    <rPh sb="1" eb="8">
      <t>コジンジョウホウドウイショ</t>
    </rPh>
    <rPh sb="10" eb="13">
      <t>ジュウギョウイン</t>
    </rPh>
    <rPh sb="14" eb="16">
      <t>ヒミツ</t>
    </rPh>
    <rPh sb="16" eb="18">
      <t>ホジ</t>
    </rPh>
    <rPh sb="18" eb="21">
      <t>セイヤクショ</t>
    </rPh>
    <phoneticPr fontId="35"/>
  </si>
  <si>
    <t>(1)従業者は、正当な理由がなく、その業務上知り得た利用者又はその家族の秘密を漏らしていませんか。
就業規則及び労働契約書等において、正当な理由がなくその業務上知り得た利用者やその家族の個人情報を漏らすことを禁止する記載がありますか。</t>
    <phoneticPr fontId="2"/>
  </si>
  <si>
    <t>秘密保持等🔶</t>
    <phoneticPr fontId="2"/>
  </si>
  <si>
    <t>上記の重要事項をウェブサイトに掲載していますか。</t>
    <rPh sb="0" eb="2">
      <t>ジョウキ</t>
    </rPh>
    <rPh sb="3" eb="7">
      <t>ジュウヨウジコウ</t>
    </rPh>
    <rPh sb="15" eb="17">
      <t>ケイサイ</t>
    </rPh>
    <phoneticPr fontId="35"/>
  </si>
  <si>
    <t>事業所の見やすい場所に、運営規程の概要、従業者の勤務体制、非常災害対策の具体的計画、その他の利用申込者のサービスの選択に資すると認められる重要事項（事故発生時の対応、苦情処理体制等）を掲示していますか。
（同書面を事業所内に備え付け、関係者に自由に閲覧させることにより掲示に代えることができる。）</t>
    <phoneticPr fontId="2"/>
  </si>
  <si>
    <t>掲示</t>
  </si>
  <si>
    <t>(3)サービスの提供体制の確保、夜間における緊急時の対応等のため、介護老人福祉施設、介護老人保健施設、病院等との間の連携及び支援の体制を整えていますか。</t>
    <phoneticPr fontId="2"/>
  </si>
  <si>
    <t>(2)あらかじめ協力歯科医療機関を定めておくよう努めていますか。</t>
    <phoneticPr fontId="2"/>
  </si>
  <si>
    <t>(1)利用者の病状の急変等に備えるため、あらかじめ、協力医療機関を定めていますか。</t>
    <phoneticPr fontId="2"/>
  </si>
  <si>
    <t>協力医療機関等</t>
  </si>
  <si>
    <t>③看護小規模多機能型居宅介護従業者に対し、感染症の予防及びまん延防止のための研修及び訓練を定期的に（年に１回以上）実施していますか。また、研修の実施内容について記録していますか。</t>
    <rPh sb="1" eb="3">
      <t>カンゴ</t>
    </rPh>
    <phoneticPr fontId="2"/>
  </si>
  <si>
    <t>②当該看護小規模多機能型居宅介護事業所における感染症の予防及びまん延の防止のための指針を整備していますか。
*平時の対策及び発生時の対応を規定する。</t>
    <rPh sb="3" eb="5">
      <t>カンゴ</t>
    </rPh>
    <rPh sb="5" eb="8">
      <t>ショウキボ</t>
    </rPh>
    <rPh sb="8" eb="12">
      <t>タキノウガタ</t>
    </rPh>
    <rPh sb="12" eb="14">
      <t>キョタク</t>
    </rPh>
    <rPh sb="14" eb="16">
      <t>カイゴ</t>
    </rPh>
    <rPh sb="55" eb="57">
      <t>ヘイジ</t>
    </rPh>
    <rPh sb="58" eb="60">
      <t>タイサク</t>
    </rPh>
    <rPh sb="60" eb="61">
      <t>オヨ</t>
    </rPh>
    <rPh sb="62" eb="64">
      <t>ハッセイ</t>
    </rPh>
    <rPh sb="64" eb="65">
      <t>ジ</t>
    </rPh>
    <rPh sb="66" eb="68">
      <t>タイオウ</t>
    </rPh>
    <rPh sb="69" eb="71">
      <t>キテイ</t>
    </rPh>
    <phoneticPr fontId="2"/>
  </si>
  <si>
    <t>*感染対策担当者を置いていますか。</t>
    <phoneticPr fontId="2"/>
  </si>
  <si>
    <t>①感染症の予防及びまん延の防止ための対策を検討する委員会（テレビ電話装置等を活用して行うことができるものとする。）をおおむね６月に１回以上開催するとともに、その結果について、看護小規模多機能型居宅介護従業者に周知徹底を図っていますか。</t>
    <rPh sb="87" eb="89">
      <t>カンゴ</t>
    </rPh>
    <rPh sb="89" eb="92">
      <t>ショウキボ</t>
    </rPh>
    <rPh sb="92" eb="96">
      <t>タキノウガタ</t>
    </rPh>
    <rPh sb="96" eb="98">
      <t>キョタク</t>
    </rPh>
    <rPh sb="98" eb="100">
      <t>カイゴ</t>
    </rPh>
    <rPh sb="100" eb="103">
      <t>ジュウギョウシャ</t>
    </rPh>
    <phoneticPr fontId="2"/>
  </si>
  <si>
    <t>・感染症及び食中毒の予防及びまん延防止のための対策を検討する委員会名簿、委員会の記録
・感染症及び食中毒の予防及びまん延の防止のための指針
・訓練記録
・研修記録</t>
    <rPh sb="1" eb="4">
      <t>カンセンショウ</t>
    </rPh>
    <rPh sb="4" eb="5">
      <t>オヨ</t>
    </rPh>
    <rPh sb="6" eb="9">
      <t>ショクチュウドク</t>
    </rPh>
    <rPh sb="10" eb="12">
      <t>ヨボウ</t>
    </rPh>
    <rPh sb="12" eb="13">
      <t>オヨ</t>
    </rPh>
    <rPh sb="16" eb="17">
      <t>エン</t>
    </rPh>
    <rPh sb="17" eb="19">
      <t>ボウシ</t>
    </rPh>
    <rPh sb="23" eb="25">
      <t>タイサク</t>
    </rPh>
    <rPh sb="26" eb="28">
      <t>ケントウ</t>
    </rPh>
    <rPh sb="30" eb="33">
      <t>イインカイ</t>
    </rPh>
    <rPh sb="33" eb="35">
      <t>メイボ</t>
    </rPh>
    <rPh sb="36" eb="39">
      <t>イインカイ</t>
    </rPh>
    <rPh sb="40" eb="42">
      <t>キロク</t>
    </rPh>
    <rPh sb="47" eb="48">
      <t>オヨ</t>
    </rPh>
    <rPh sb="49" eb="52">
      <t>ショクチュウドク</t>
    </rPh>
    <rPh sb="71" eb="73">
      <t>クンレン</t>
    </rPh>
    <rPh sb="73" eb="75">
      <t>キロク</t>
    </rPh>
    <phoneticPr fontId="35"/>
  </si>
  <si>
    <t>(2)感染症が発生し、又はまん延しないように次に掲げる措置を講じていますか。</t>
    <phoneticPr fontId="2"/>
  </si>
  <si>
    <t>(1)利用者の使用する施設、食器その他の設備又は飲用に供する水について、衛生的な管理に努め、又は衛生上必要な措置を講じていますか。</t>
    <phoneticPr fontId="2"/>
  </si>
  <si>
    <t>衛生管理等</t>
    <rPh sb="0" eb="2">
      <t>エイセイ</t>
    </rPh>
    <rPh sb="2" eb="5">
      <t>カンリトウ</t>
    </rPh>
    <phoneticPr fontId="2"/>
  </si>
  <si>
    <t>(2)訓練の実施に当たっては、地域住民の参加が得られるよう連携に努めていますか。</t>
    <phoneticPr fontId="2"/>
  </si>
  <si>
    <t>(1)非常災害に関する具体的計画（消防計画・風水害・地震等の災害に対処するための計画）を立て、非常災害時の関係機関への通報及び連携体制を整備し、それらを定期的に従業者に周知するとともに、定期的に避難、救出その他必要な訓練を行っていますか。また、当該計画を事業所の見やすい場所に掲示していますか。</t>
    <phoneticPr fontId="2"/>
  </si>
  <si>
    <t xml:space="preserve">
・非常災害時対応マニュアル
・運営規程
・避難訓練の記録
・通報、連絡体制
・消防用設備点検の記録
・消防署への届出</t>
    <rPh sb="16" eb="18">
      <t>ウンエイ</t>
    </rPh>
    <rPh sb="18" eb="20">
      <t>キテイ</t>
    </rPh>
    <phoneticPr fontId="2"/>
  </si>
  <si>
    <t>非常災害対策🔶</t>
    <phoneticPr fontId="2"/>
  </si>
  <si>
    <t>(3)定期的に業務継続計画の見直しを行い、必要に応じて業務継続計画の変更を行っているか。</t>
    <phoneticPr fontId="2"/>
  </si>
  <si>
    <t>・研修及び訓練計画、実施記録</t>
    <rPh sb="1" eb="3">
      <t>ケンシュウ</t>
    </rPh>
    <rPh sb="3" eb="4">
      <t>オヨ</t>
    </rPh>
    <rPh sb="5" eb="7">
      <t>クンレン</t>
    </rPh>
    <rPh sb="7" eb="9">
      <t>ケイカク</t>
    </rPh>
    <rPh sb="10" eb="12">
      <t>ジッシ</t>
    </rPh>
    <rPh sb="12" eb="14">
      <t>キロク</t>
    </rPh>
    <phoneticPr fontId="2"/>
  </si>
  <si>
    <t>(2)看護小規模多機能型居宅介護従業者に対し、業務継続計画について周知するとともに、必要な研修及び訓練を定期的（年に１回以上）に実施しているか。また、研修の実施内容について記録しているか。</t>
    <rPh sb="3" eb="5">
      <t>カンゴ</t>
    </rPh>
    <rPh sb="5" eb="8">
      <t>ショウキボ</t>
    </rPh>
    <rPh sb="8" eb="12">
      <t>タキノウガタ</t>
    </rPh>
    <rPh sb="12" eb="14">
      <t>キョタク</t>
    </rPh>
    <rPh sb="14" eb="16">
      <t>カイゴ</t>
    </rPh>
    <rPh sb="16" eb="19">
      <t>ジュウギョウシャ</t>
    </rPh>
    <phoneticPr fontId="2"/>
  </si>
  <si>
    <t>・感染症に係る業務継続計画
・災害に係る業務継続計画</t>
    <phoneticPr fontId="35"/>
  </si>
  <si>
    <t>(1)感染症や非常災害の発生時において、利用者に対する看護小規模多機能型居宅介護の提供を継続的に実施するための、及び非常時の体制で早期の業務再開を図るための計画（以下「業務継続計画」という。）を策定し、当該業務継続計画に従い必要な措置を講じていますか。
①感染症に係る業務継続計画
　・平時からの備え（体制構築・整備、感染防止に向けた取組の実施、備蓄品の確保）
　・初動対応
　・感染拡大防止体制の確保（保健所との連携、濃厚接触者への対応、関係者との情報共有等）
②災害に係る業務継続計画
・平常時の対応（建物・設備の安全対策、電気・水道等のライフラインが停止した場合の対策、必要品の備蓄等）
・緊急時の対応（業務継続計画発動基準、対応体制等）
・他施設及び地域との連携</t>
    <rPh sb="27" eb="32">
      <t>カンゴショウキボ</t>
    </rPh>
    <rPh sb="32" eb="40">
      <t>タキノウガタキョタクカイゴ</t>
    </rPh>
    <rPh sb="128" eb="130">
      <t>カンセン</t>
    </rPh>
    <rPh sb="130" eb="131">
      <t>ショウ</t>
    </rPh>
    <rPh sb="132" eb="133">
      <t>カカ</t>
    </rPh>
    <rPh sb="134" eb="136">
      <t>ギョウム</t>
    </rPh>
    <rPh sb="136" eb="138">
      <t>ケイゾク</t>
    </rPh>
    <rPh sb="138" eb="140">
      <t>ケイカク</t>
    </rPh>
    <rPh sb="143" eb="145">
      <t>ヘイジ</t>
    </rPh>
    <rPh sb="148" eb="149">
      <t>ソナ</t>
    </rPh>
    <rPh sb="151" eb="153">
      <t>タイセイ</t>
    </rPh>
    <rPh sb="153" eb="155">
      <t>コウチク</t>
    </rPh>
    <rPh sb="156" eb="158">
      <t>セイビ</t>
    </rPh>
    <rPh sb="159" eb="161">
      <t>カンセン</t>
    </rPh>
    <rPh sb="161" eb="163">
      <t>ボウシ</t>
    </rPh>
    <rPh sb="164" eb="165">
      <t>ム</t>
    </rPh>
    <rPh sb="167" eb="169">
      <t>トリクミ</t>
    </rPh>
    <rPh sb="170" eb="172">
      <t>ジッシ</t>
    </rPh>
    <rPh sb="173" eb="175">
      <t>ビチク</t>
    </rPh>
    <rPh sb="175" eb="176">
      <t>ヒン</t>
    </rPh>
    <rPh sb="177" eb="179">
      <t>カクホ</t>
    </rPh>
    <rPh sb="183" eb="185">
      <t>ショドウ</t>
    </rPh>
    <rPh sb="185" eb="187">
      <t>タイオウ</t>
    </rPh>
    <rPh sb="190" eb="192">
      <t>カンセン</t>
    </rPh>
    <rPh sb="192" eb="194">
      <t>カクダイ</t>
    </rPh>
    <rPh sb="194" eb="196">
      <t>ボウシ</t>
    </rPh>
    <rPh sb="196" eb="198">
      <t>タイセイ</t>
    </rPh>
    <rPh sb="199" eb="201">
      <t>カクホ</t>
    </rPh>
    <rPh sb="202" eb="205">
      <t>ホケンジョ</t>
    </rPh>
    <rPh sb="207" eb="209">
      <t>レンケイ</t>
    </rPh>
    <rPh sb="210" eb="212">
      <t>ノウコウ</t>
    </rPh>
    <rPh sb="212" eb="215">
      <t>セッショクシャ</t>
    </rPh>
    <rPh sb="217" eb="219">
      <t>タイオウ</t>
    </rPh>
    <rPh sb="220" eb="223">
      <t>カンケイシャ</t>
    </rPh>
    <rPh sb="225" eb="227">
      <t>ジョウホウ</t>
    </rPh>
    <rPh sb="227" eb="229">
      <t>キョウユウ</t>
    </rPh>
    <rPh sb="229" eb="230">
      <t>トウ</t>
    </rPh>
    <rPh sb="233" eb="235">
      <t>サイガイ</t>
    </rPh>
    <rPh sb="236" eb="237">
      <t>カカ</t>
    </rPh>
    <rPh sb="238" eb="240">
      <t>ギョウム</t>
    </rPh>
    <rPh sb="240" eb="242">
      <t>ケイゾク</t>
    </rPh>
    <rPh sb="242" eb="244">
      <t>ケイカク</t>
    </rPh>
    <rPh sb="246" eb="248">
      <t>ヘイジョウ</t>
    </rPh>
    <rPh sb="248" eb="249">
      <t>ジ</t>
    </rPh>
    <rPh sb="250" eb="252">
      <t>タイオウ</t>
    </rPh>
    <rPh sb="253" eb="255">
      <t>タテモノ</t>
    </rPh>
    <rPh sb="256" eb="258">
      <t>セツビ</t>
    </rPh>
    <rPh sb="259" eb="261">
      <t>アンゼン</t>
    </rPh>
    <rPh sb="261" eb="263">
      <t>タイサク</t>
    </rPh>
    <rPh sb="264" eb="266">
      <t>デンキ</t>
    </rPh>
    <rPh sb="267" eb="269">
      <t>スイドウ</t>
    </rPh>
    <rPh sb="269" eb="270">
      <t>トウ</t>
    </rPh>
    <rPh sb="278" eb="280">
      <t>テイシ</t>
    </rPh>
    <rPh sb="282" eb="284">
      <t>バアイ</t>
    </rPh>
    <rPh sb="285" eb="287">
      <t>タイサク</t>
    </rPh>
    <rPh sb="292" eb="294">
      <t>ビチク</t>
    </rPh>
    <rPh sb="294" eb="295">
      <t>トウ</t>
    </rPh>
    <rPh sb="298" eb="301">
      <t>キンキュウジ</t>
    </rPh>
    <rPh sb="302" eb="304">
      <t>タイオウ</t>
    </rPh>
    <rPh sb="305" eb="307">
      <t>ギョウム</t>
    </rPh>
    <rPh sb="307" eb="309">
      <t>ケイゾク</t>
    </rPh>
    <rPh sb="309" eb="311">
      <t>ケイカク</t>
    </rPh>
    <rPh sb="311" eb="313">
      <t>ハツドウ</t>
    </rPh>
    <rPh sb="313" eb="315">
      <t>キジュン</t>
    </rPh>
    <rPh sb="316" eb="318">
      <t>タイオウ</t>
    </rPh>
    <rPh sb="318" eb="320">
      <t>タイセイ</t>
    </rPh>
    <rPh sb="320" eb="321">
      <t>トウ</t>
    </rPh>
    <phoneticPr fontId="2"/>
  </si>
  <si>
    <t>業務継続計画の策定等</t>
    <phoneticPr fontId="2"/>
  </si>
  <si>
    <t xml:space="preserve">
・業務日誌
・国保連への請求書控え</t>
    <phoneticPr fontId="2"/>
  </si>
  <si>
    <t>登録定員並びに通いサービス及び宿泊サービスの利用定員を超えて介護の提供をしていませんか。
※ただし、通いサービス、宿泊サービスの利用においては、利用者の様態や希望、介護者の急病等のため、事業所においてサービスを提供する必要が生じた場合や登録者全員を集めての催しを兼ねたサービス提供の場合等の特に必要と認められた場合は、一時的にその利用定員を超えることはやむを得ない。</t>
    <phoneticPr fontId="2"/>
  </si>
  <si>
    <r>
      <t>定員の遵守</t>
    </r>
    <r>
      <rPr>
        <b/>
        <sz val="11"/>
        <rFont val="Segoe UI Emoji"/>
        <family val="2"/>
      </rPr>
      <t>🔶</t>
    </r>
    <phoneticPr fontId="2"/>
  </si>
  <si>
    <t xml:space="preserve">
・方針、相談記録</t>
    <rPh sb="2" eb="4">
      <t>ホウシン</t>
    </rPh>
    <rPh sb="5" eb="9">
      <t>ソウダンキロク</t>
    </rPh>
    <phoneticPr fontId="2"/>
  </si>
  <si>
    <t>(5)職場において行われる性的な言動又は優越的な関係を背景とした言動であって業務上必要かつ相当な範囲を超えたものにより訪問介護員等の就業環境が害されることを防止するための方針の明確化等の必要な措置を講じていますか。</t>
    <phoneticPr fontId="2"/>
  </si>
  <si>
    <t>(4)介護に直接携わる職員のうち、医療・福祉関係の資格を有さない者について、認知症介護基礎研修を受講させるために必要な措置を講じていますか。</t>
    <phoneticPr fontId="2"/>
  </si>
  <si>
    <t>・研修計画
・研修記録</t>
    <phoneticPr fontId="2"/>
  </si>
  <si>
    <t>(3)看護小規模多機能型居宅介護従業者の資質の向上のために、その研修の機会を確保していますか。
計画的に研修を行い、研修内容や時間などを他の職員に報告したり、記録していますか。
《参考》
✐職員研修内容
　　　例）重度化防止に必要な理論・知識の習得、
　　　　　情報の共有、事例の検討　など</t>
    <phoneticPr fontId="2"/>
  </si>
  <si>
    <t>(2)事業所の従業者によってサービスを提供していますか。
※調理、洗濯等の利用者の処遇に直接影響を及ぼさない業務については、第三者への委託等を行うことができます。</t>
    <rPh sb="3" eb="6">
      <t>ジギョウショ</t>
    </rPh>
    <rPh sb="7" eb="10">
      <t>ジュウギョウシャ</t>
    </rPh>
    <rPh sb="19" eb="21">
      <t>テイキョウ</t>
    </rPh>
    <rPh sb="31" eb="33">
      <t>チョウリ</t>
    </rPh>
    <rPh sb="34" eb="36">
      <t>センタク</t>
    </rPh>
    <rPh sb="36" eb="37">
      <t>トウ</t>
    </rPh>
    <rPh sb="38" eb="41">
      <t>リヨウシャ</t>
    </rPh>
    <rPh sb="42" eb="44">
      <t>ショグウ</t>
    </rPh>
    <rPh sb="45" eb="47">
      <t>チョクセツ</t>
    </rPh>
    <rPh sb="47" eb="49">
      <t>エイキョウ</t>
    </rPh>
    <rPh sb="50" eb="51">
      <t>オヨ</t>
    </rPh>
    <rPh sb="55" eb="57">
      <t>ギョウム</t>
    </rPh>
    <rPh sb="63" eb="66">
      <t>ダイサンシャ</t>
    </rPh>
    <rPh sb="68" eb="70">
      <t>イタク</t>
    </rPh>
    <rPh sb="70" eb="71">
      <t>トウ</t>
    </rPh>
    <rPh sb="72" eb="73">
      <t>オコナ</t>
    </rPh>
    <phoneticPr fontId="2"/>
  </si>
  <si>
    <t xml:space="preserve">
・勤務実績表／タイムカード
・勤務体制一覧表
・雇用の形態（常勤・非常勤）がわかる文書</t>
    <rPh sb="2" eb="7">
      <t>キンムジッセキヒョウ</t>
    </rPh>
    <rPh sb="16" eb="23">
      <t>キンムタイセイイチランヒョウ</t>
    </rPh>
    <phoneticPr fontId="2"/>
  </si>
  <si>
    <t>(1)利用者に対し、適切な指定看護小規模多機能型居宅介護を提供できるよう、従業者の勤務の体制を定めていますか。
※月ごとの勤務表を作成し、従業者の勤務時間、常勤・非常勤の別、専従の生活相談員、看護職員、介護職員及び機能訓練指導員の配置、管理者との兼務関係等を明確にしていますか。</t>
    <phoneticPr fontId="2"/>
  </si>
  <si>
    <t>勤務体制の確保等🔶</t>
    <phoneticPr fontId="2"/>
  </si>
  <si>
    <t>休業日はありませんか。</t>
    <phoneticPr fontId="35"/>
  </si>
  <si>
    <t>運営規程の内容は実態に即したものになっていますか。</t>
    <phoneticPr fontId="2"/>
  </si>
  <si>
    <r>
      <t xml:space="preserve">事業所ごとに、次に掲げる事業の運営についての重要事項に関する規程を定めていますか。
①  事業の目的及び運営の方針
②  従業者の職種、員数及び職務内容
③　営業日及び営業時間
　　・通いサービスの営業時間
      （　　：　  ～　  ：　　まで）
　　・宿泊サービスの営業時間
      （　　：  　～　  ：　　まで）
④　登録定員並びに通いサービス及び宿泊サービスの
　　利用定員
　　　・登録定員（　　　　　）人
　　　・通いサービス利用定員（　　　　　）人
　　　・宿泊サービス利用定員（　　　　　）人
⑤  サービスの内容及び利用料その他の費用の額
⑥　通常の事業の実施地域
⑦  サービス利用に当たっての留意事項
⑧　緊急時等における対応方法
⑨  非常災害対策
</t>
    </r>
    <r>
      <rPr>
        <sz val="10"/>
        <color theme="1"/>
        <rFont val="ＭＳ ゴシック"/>
        <family val="3"/>
        <charset val="128"/>
      </rPr>
      <t>⑩　虐待防止のための措置に関する事項</t>
    </r>
    <r>
      <rPr>
        <sz val="10"/>
        <color rgb="FFFF0000"/>
        <rFont val="ＭＳ ゴシック"/>
        <family val="3"/>
        <charset val="128"/>
      </rPr>
      <t xml:space="preserve">
</t>
    </r>
    <r>
      <rPr>
        <sz val="10"/>
        <rFont val="ＭＳ ゴシック"/>
        <family val="3"/>
        <charset val="128"/>
      </rPr>
      <t>⑪  その他運営に関する重要事項</t>
    </r>
    <phoneticPr fontId="2"/>
  </si>
  <si>
    <t xml:space="preserve">
・運営規程
・重要事項説明書</t>
    <rPh sb="8" eb="15">
      <t>ジュウヨウジコウセツメイショ</t>
    </rPh>
    <phoneticPr fontId="2"/>
  </si>
  <si>
    <t>運営規程🔶</t>
    <rPh sb="0" eb="2">
      <t>ウンエイ</t>
    </rPh>
    <rPh sb="2" eb="4">
      <t>キテイ</t>
    </rPh>
    <phoneticPr fontId="2"/>
  </si>
  <si>
    <t>管理者は、看護小規模多機能型居宅介護従業者の管理及び利用の申込みに係る調整、業務の実施状況の把握その他の管理を一元的に行っていますか。
また、介護従業者に必要な指揮命令を行っていますか。</t>
    <phoneticPr fontId="2"/>
  </si>
  <si>
    <t>管理者の責務</t>
    <rPh sb="0" eb="3">
      <t>カンリシャ</t>
    </rPh>
    <rPh sb="4" eb="6">
      <t>セキム</t>
    </rPh>
    <phoneticPr fontId="2"/>
  </si>
  <si>
    <t>(2)当該従業者が看護職員である場合にあっては、必要に応じて臨時応急の手当てを行っていますか。</t>
    <phoneticPr fontId="2"/>
  </si>
  <si>
    <t>(1)利用者に病状の急変が生じた場合その他必要な場合は、速やかに主治の医師又は協力医療機関への連絡を行う等の必要な措置を講じていますか。</t>
    <phoneticPr fontId="2"/>
  </si>
  <si>
    <t xml:space="preserve">
・緊急時対応マニュアル
・サービス提供記録</t>
    <phoneticPr fontId="2"/>
  </si>
  <si>
    <t>緊急時等の対応🔶</t>
    <rPh sb="0" eb="3">
      <t>キンキュウジ</t>
    </rPh>
    <rPh sb="3" eb="4">
      <t>トウ</t>
    </rPh>
    <rPh sb="5" eb="7">
      <t>タイオウ</t>
    </rPh>
    <phoneticPr fontId="2"/>
  </si>
  <si>
    <t>(2)偽りその他不正な行為によって保険給付を受け、又は受けようとした時は、その旨を市町村に通知していますか。</t>
    <phoneticPr fontId="2"/>
  </si>
  <si>
    <t>(1)正当な理由なしにサービスの利用に関する指示に従わないことにより、要介護等状態の程度を増進させたとみとめられる時は、その旨を市町村に通知していますか。</t>
    <phoneticPr fontId="2"/>
  </si>
  <si>
    <t xml:space="preserve">
利用者に関する市町村への通知</t>
    <phoneticPr fontId="2"/>
  </si>
  <si>
    <t>(3)常に利用者の家族との連携を図るとともに、利用者とその家族との交流等の機会（会報の送付、行事への参加の呼びかけ等）を確保するよう努めていますか。</t>
    <phoneticPr fontId="2"/>
  </si>
  <si>
    <t>(2)利用者が日常生活を営む上で必要な行政機関に対する手続等について、その者又はその家族が行うことが困難である場合は、その者の同意を得て、代わって行っていますか。</t>
    <phoneticPr fontId="2"/>
  </si>
  <si>
    <t>(1)利用者の外出の機会の確保、その他の利用者の意向（趣味又は嗜好）を踏まえた社会生活の継続のための支援をしていますか。</t>
    <phoneticPr fontId="2"/>
  </si>
  <si>
    <t xml:space="preserve">
社会生活上の便宜の提供等</t>
    <phoneticPr fontId="2"/>
  </si>
  <si>
    <t>(3)良好な人間関係に基づく家庭的な生活環境の中で日常生活が送れるよう、利用者とともに、食事や清掃、洗濯、買い物、園芸、農作業、レクリエーション、行事等を可能な限り共同で行っていますか。</t>
    <rPh sb="14" eb="16">
      <t>カテイ</t>
    </rPh>
    <rPh sb="16" eb="17">
      <t>テキ</t>
    </rPh>
    <phoneticPr fontId="2"/>
  </si>
  <si>
    <t>(2)看護小規模多機能型居宅介護従業者以外の者による介護を受けさせていませんか。
利用者の負担によって、看護小規模多機能型居宅介護の一部を付添者等に行わせていませんか。</t>
    <phoneticPr fontId="2"/>
  </si>
  <si>
    <t>(1)利用者の心身の状況に応じ、利用者の自主性を保ち、意欲的に日々の生活を送ることができるよう支援していますか。</t>
    <rPh sb="37" eb="38">
      <t>オク</t>
    </rPh>
    <phoneticPr fontId="2"/>
  </si>
  <si>
    <t>・雇用の形態(常勤・非常勤)がわかる文書
・サービス提供記録
・業務日誌</t>
    <rPh sb="1" eb="3">
      <t>コヨウ</t>
    </rPh>
    <rPh sb="4" eb="6">
      <t>ケイタイ</t>
    </rPh>
    <rPh sb="7" eb="9">
      <t>ジョウキン</t>
    </rPh>
    <rPh sb="10" eb="13">
      <t>ヒジョウキン</t>
    </rPh>
    <rPh sb="18" eb="20">
      <t>ブンショ</t>
    </rPh>
    <rPh sb="26" eb="28">
      <t>テイキョウ</t>
    </rPh>
    <rPh sb="28" eb="30">
      <t>キロク</t>
    </rPh>
    <rPh sb="32" eb="36">
      <t>ギョウムニッシ</t>
    </rPh>
    <phoneticPr fontId="35"/>
  </si>
  <si>
    <t>介護等</t>
  </si>
  <si>
    <t>《参考》 
✐体の健康管理に配慮できていますか
　例）慢性疾患の管理・受診、主治医に留意すべき事項の確認、内服薬の確認、看護的な処置、水分摂取、便秘予防、栄養管理、体力低下の予防、口腔ケア　など
✐認知症の軽減
　例）身体不調、環境不適応、孤独、現実逃避、自我放棄などの周辺症状の背景の洞察、金銭管理、被害妄想、作話、物忘れ、感情不安定、強いこだわり　など
✐心理面の忖度
　例）人生暦から人物像を捉える、性格・嗜好、心理状況、意欲を刺激する関わり方　など
✐時間の使い方
　例）どのような過ごし方が満足度に役立つかの観察　など
✐周囲（人・物）との関係性への配慮
　例）安定・不安定の要因分析、抑制・孤独の有無、福祉用具の検討　など
✐ストレスの分析と軽減策
　例）本人のストレス、家族のストレス、地域住民の認知症に対する不安　など
✐社会交流
　例）利用者の閉じこもり防止、外出の支援、家族の社会交流　など
✐家族関係
　例）重度化要因の説明、防止策の説明と理解、家事・介護負担、経済面などの状況把握及び支援　など</t>
    <phoneticPr fontId="2"/>
  </si>
  <si>
    <t>(7)看護師等は、訪問日、提供した看護内容等を記載した看護小規模多機能型居宅介護報告書を作成していますか。</t>
    <phoneticPr fontId="35"/>
  </si>
  <si>
    <t>(6)看護小規模多機能型居宅介護計画の作成後においても、常にサービスの実施状況や利用者の様態の変化等の把握を行い、必要に応じて計画の変更を行っていますか。</t>
    <phoneticPr fontId="2"/>
  </si>
  <si>
    <t>(5)看護小規模多機能型居宅介護計画の作成に当たっては、その内容について利用者又はその家族に対して説明し、利用者の同意を得るとともに、当該計画を利用者に交付していますか。</t>
    <rPh sb="67" eb="69">
      <t>トウガイ</t>
    </rPh>
    <rPh sb="69" eb="71">
      <t>ケイカク</t>
    </rPh>
    <phoneticPr fontId="2"/>
  </si>
  <si>
    <t>(4)介護支援専門員は、利用者の心身の状況、希望及びその置かれている環境を踏まえて、他の従業者と協議の上、援助の目標や具体的なサービス内容を記載した看護小規模多機能型居宅介護計画を作成していますか。</t>
    <rPh sb="3" eb="10">
      <t>カイゴシエンセンモンイン</t>
    </rPh>
    <rPh sb="12" eb="15">
      <t>リヨウシャ</t>
    </rPh>
    <rPh sb="16" eb="18">
      <t>シンシン</t>
    </rPh>
    <rPh sb="19" eb="21">
      <t>ジョウキョウ</t>
    </rPh>
    <rPh sb="22" eb="24">
      <t>キボウ</t>
    </rPh>
    <rPh sb="24" eb="25">
      <t>オヨ</t>
    </rPh>
    <rPh sb="28" eb="29">
      <t>オ</t>
    </rPh>
    <rPh sb="34" eb="36">
      <t>カンキョウ</t>
    </rPh>
    <rPh sb="37" eb="38">
      <t>フ</t>
    </rPh>
    <rPh sb="42" eb="43">
      <t>ホカ</t>
    </rPh>
    <rPh sb="44" eb="47">
      <t>ジュウギョウシャ</t>
    </rPh>
    <rPh sb="48" eb="50">
      <t>キョウギ</t>
    </rPh>
    <rPh sb="51" eb="52">
      <t>ウエ</t>
    </rPh>
    <rPh sb="53" eb="55">
      <t>エンジョ</t>
    </rPh>
    <rPh sb="56" eb="58">
      <t>モクヒョウ</t>
    </rPh>
    <rPh sb="59" eb="62">
      <t>グタイテキ</t>
    </rPh>
    <rPh sb="67" eb="69">
      <t>ナイヨウ</t>
    </rPh>
    <rPh sb="70" eb="72">
      <t>キサイ</t>
    </rPh>
    <rPh sb="74" eb="76">
      <t>カンゴ</t>
    </rPh>
    <rPh sb="76" eb="79">
      <t>ショウキボ</t>
    </rPh>
    <rPh sb="79" eb="83">
      <t>タキノウガタ</t>
    </rPh>
    <rPh sb="83" eb="85">
      <t>キョタク</t>
    </rPh>
    <rPh sb="85" eb="87">
      <t>カイゴ</t>
    </rPh>
    <rPh sb="87" eb="89">
      <t>ケイカク</t>
    </rPh>
    <rPh sb="90" eb="92">
      <t>サクセイ</t>
    </rPh>
    <phoneticPr fontId="2"/>
  </si>
  <si>
    <t>(3)看護小規模多機能型居宅介護計画の作成に当たっては、地域における活動への参加の機会が提供されること等により、利用者の多様な活動が確保されるよう努めていますか。
※「多様な活動」：地域の特性や利用者の生活環境に応じたレクリエーション、行事、園芸、農作業などの利用者の趣味又は嗜好に応じた活動</t>
    <phoneticPr fontId="2"/>
  </si>
  <si>
    <t>(2)介護支援専門員は、看護小規模多機能型居宅介護計画の作成に当たっては、看護師等と密接な連携を図っていますか。</t>
    <rPh sb="3" eb="10">
      <t>カイゴシエンセンモンイン</t>
    </rPh>
    <rPh sb="12" eb="14">
      <t>カンゴ</t>
    </rPh>
    <rPh sb="14" eb="17">
      <t>ショウキボ</t>
    </rPh>
    <rPh sb="17" eb="21">
      <t>タキノウガタ</t>
    </rPh>
    <rPh sb="21" eb="23">
      <t>キョタク</t>
    </rPh>
    <rPh sb="23" eb="25">
      <t>カイゴ</t>
    </rPh>
    <rPh sb="25" eb="27">
      <t>ケイカク</t>
    </rPh>
    <rPh sb="28" eb="30">
      <t>サクセイ</t>
    </rPh>
    <rPh sb="31" eb="32">
      <t>ア</t>
    </rPh>
    <rPh sb="37" eb="40">
      <t>カンゴシ</t>
    </rPh>
    <rPh sb="40" eb="41">
      <t>トウ</t>
    </rPh>
    <rPh sb="42" eb="44">
      <t>ミッセツ</t>
    </rPh>
    <rPh sb="45" eb="47">
      <t>レンケイ</t>
    </rPh>
    <rPh sb="48" eb="49">
      <t>ハカ</t>
    </rPh>
    <phoneticPr fontId="2"/>
  </si>
  <si>
    <t xml:space="preserve">
・居宅サービス計画
・看護小規模多機能型居宅介護計画（利用者又は家族の署名、捺印）
・アセスメントシート
・モニタリングシート
・サービス提供記録
・看護小規模多機能型居宅介護報告書</t>
    <rPh sb="2" eb="4">
      <t>キョタク</t>
    </rPh>
    <rPh sb="8" eb="10">
      <t>ケイカク</t>
    </rPh>
    <rPh sb="12" eb="14">
      <t>カンゴ</t>
    </rPh>
    <rPh sb="14" eb="25">
      <t>ショウキボタキノウガタキョタクカイゴ</t>
    </rPh>
    <rPh sb="25" eb="27">
      <t>ケイカク</t>
    </rPh>
    <rPh sb="70" eb="74">
      <t>テイキョウキロク</t>
    </rPh>
    <rPh sb="76" eb="85">
      <t>カンゴショウキボタキノウガタ</t>
    </rPh>
    <rPh sb="85" eb="92">
      <t>キョタクカイゴホウコクショ</t>
    </rPh>
    <phoneticPr fontId="2"/>
  </si>
  <si>
    <t>(1)管理者は、介護支援専門員に、看護小規模多機能型居宅介護計画の作成に関する業務を、看護師に看護小規模多機能型居宅介護報告書の作成に関する業務を担当させていますか。</t>
    <rPh sb="3" eb="6">
      <t>カンリシャ</t>
    </rPh>
    <rPh sb="8" eb="15">
      <t>カイゴシエンセンモンイン</t>
    </rPh>
    <rPh sb="17" eb="19">
      <t>カンゴ</t>
    </rPh>
    <rPh sb="19" eb="22">
      <t>ショウキボ</t>
    </rPh>
    <rPh sb="22" eb="26">
      <t>タキノウガタ</t>
    </rPh>
    <rPh sb="26" eb="28">
      <t>キョタク</t>
    </rPh>
    <rPh sb="28" eb="30">
      <t>カイゴ</t>
    </rPh>
    <rPh sb="30" eb="32">
      <t>ケイカク</t>
    </rPh>
    <rPh sb="33" eb="35">
      <t>サクセイ</t>
    </rPh>
    <rPh sb="36" eb="37">
      <t>カン</t>
    </rPh>
    <rPh sb="39" eb="41">
      <t>ギョウム</t>
    </rPh>
    <rPh sb="43" eb="46">
      <t>カンゴシ</t>
    </rPh>
    <rPh sb="47" eb="49">
      <t>カンゴ</t>
    </rPh>
    <rPh sb="49" eb="52">
      <t>ショウキボ</t>
    </rPh>
    <rPh sb="52" eb="56">
      <t>タキノウガタ</t>
    </rPh>
    <rPh sb="56" eb="58">
      <t>キョタク</t>
    </rPh>
    <rPh sb="58" eb="60">
      <t>カイゴ</t>
    </rPh>
    <rPh sb="60" eb="63">
      <t>ホウコクショ</t>
    </rPh>
    <rPh sb="64" eb="66">
      <t>サクセイ</t>
    </rPh>
    <rPh sb="67" eb="68">
      <t>カン</t>
    </rPh>
    <rPh sb="70" eb="72">
      <t>ギョウム</t>
    </rPh>
    <rPh sb="73" eb="75">
      <t>タントウ</t>
    </rPh>
    <phoneticPr fontId="2"/>
  </si>
  <si>
    <t>看護小規模多機能型居宅介護計画及び看護小規模多機能型居宅介護報告書の作成◆</t>
    <rPh sb="0" eb="2">
      <t>カンゴ</t>
    </rPh>
    <rPh sb="2" eb="5">
      <t>ショウキボ</t>
    </rPh>
    <rPh sb="5" eb="9">
      <t>タキノウガタ</t>
    </rPh>
    <rPh sb="9" eb="11">
      <t>キョタク</t>
    </rPh>
    <rPh sb="11" eb="13">
      <t>カイゴ</t>
    </rPh>
    <rPh sb="13" eb="15">
      <t>ケイカク</t>
    </rPh>
    <rPh sb="15" eb="16">
      <t>オヨ</t>
    </rPh>
    <rPh sb="17" eb="19">
      <t>カンゴ</t>
    </rPh>
    <rPh sb="19" eb="22">
      <t>ショウキボ</t>
    </rPh>
    <rPh sb="22" eb="26">
      <t>タキノウガタ</t>
    </rPh>
    <rPh sb="26" eb="28">
      <t>キョタク</t>
    </rPh>
    <rPh sb="28" eb="30">
      <t>カイゴ</t>
    </rPh>
    <rPh sb="30" eb="33">
      <t>ホウコクショ</t>
    </rPh>
    <rPh sb="34" eb="36">
      <t>サクセイ</t>
    </rPh>
    <phoneticPr fontId="2"/>
  </si>
  <si>
    <t>登録者が他の事業者の利用を希望した場合は、直近の居宅サービス計画及びその実施状況に関する書類を交付していますか。</t>
    <phoneticPr fontId="2"/>
  </si>
  <si>
    <t>利用者に対する居宅サービス計画等の書類の交付</t>
    <rPh sb="0" eb="3">
      <t>リヨウシャ</t>
    </rPh>
    <rPh sb="4" eb="5">
      <t>タイ</t>
    </rPh>
    <rPh sb="7" eb="9">
      <t>キョタク</t>
    </rPh>
    <rPh sb="13" eb="15">
      <t>ケイカク</t>
    </rPh>
    <rPh sb="15" eb="16">
      <t>トウ</t>
    </rPh>
    <rPh sb="17" eb="19">
      <t>ショルイ</t>
    </rPh>
    <rPh sb="20" eb="22">
      <t>コウフ</t>
    </rPh>
    <phoneticPr fontId="2"/>
  </si>
  <si>
    <t>事業者は毎月、市町村(国保連）に給付管理票を提出していますか。</t>
    <rPh sb="0" eb="3">
      <t>ジギョウシャ</t>
    </rPh>
    <rPh sb="4" eb="6">
      <t>マイツキ</t>
    </rPh>
    <rPh sb="7" eb="10">
      <t>シチョウソン</t>
    </rPh>
    <rPh sb="11" eb="13">
      <t>コクホ</t>
    </rPh>
    <rPh sb="13" eb="14">
      <t>レン</t>
    </rPh>
    <rPh sb="16" eb="18">
      <t>キュウフ</t>
    </rPh>
    <rPh sb="18" eb="20">
      <t>カンリ</t>
    </rPh>
    <rPh sb="20" eb="21">
      <t>ヒョウ</t>
    </rPh>
    <rPh sb="22" eb="24">
      <t>テイシュツ</t>
    </rPh>
    <phoneticPr fontId="2"/>
  </si>
  <si>
    <t>法定代理受領サービスに係る報告</t>
    <rPh sb="0" eb="2">
      <t>ホウテイ</t>
    </rPh>
    <rPh sb="2" eb="4">
      <t>ダイリ</t>
    </rPh>
    <rPh sb="4" eb="6">
      <t>ジュリョウ</t>
    </rPh>
    <rPh sb="11" eb="12">
      <t>カカ</t>
    </rPh>
    <rPh sb="13" eb="15">
      <t>ホウコク</t>
    </rPh>
    <phoneticPr fontId="2"/>
  </si>
  <si>
    <t>《参考》
✐自己実現に向けたケアマネジメントができていますか（即応性、柔軟性、チームケア、家族支援、ライフスタイルの保持・保障、役割・生きがい、情報提供、自己決定、地域資源の活用等）</t>
    <rPh sb="1" eb="3">
      <t>サンコウ</t>
    </rPh>
    <phoneticPr fontId="2"/>
  </si>
  <si>
    <t>(8)計画作成後も、サービスの実施状況や利用者の様態の変化等の把握を行い、必要に応じて計画の変更をしていますか。</t>
    <rPh sb="40" eb="42">
      <t>ヒツヨウ</t>
    </rPh>
    <rPh sb="43" eb="44">
      <t>オウ</t>
    </rPh>
    <rPh sb="46" eb="48">
      <t>ケイカク</t>
    </rPh>
    <rPh sb="49" eb="51">
      <t>ヘンコウ</t>
    </rPh>
    <phoneticPr fontId="2"/>
  </si>
  <si>
    <t>(7)居宅サービス計画を利用者もしくは介護者に説明していますか。</t>
    <phoneticPr fontId="2"/>
  </si>
  <si>
    <t>(6)登録者全員の居宅サービス計画を作成していますか。</t>
    <phoneticPr fontId="2"/>
  </si>
  <si>
    <t>(5)また、課題に対応するための適切な計画になっていますか。</t>
    <phoneticPr fontId="2"/>
  </si>
  <si>
    <t>(4)利用者及び家族の抱える課題を把握していますか。</t>
    <phoneticPr fontId="2"/>
  </si>
  <si>
    <t>(3)居宅サービス計画は全表（１～７表）作成していますか。</t>
    <phoneticPr fontId="2"/>
  </si>
  <si>
    <t>(2)介護支援専門員は、指定居宅介護支援事業所と同様の業務（指定居宅介護支援等基準条例第16条各号に掲げる具体的取組方針）を行っていますか。</t>
    <phoneticPr fontId="2"/>
  </si>
  <si>
    <t>(1)管理者は介護支援専門員に登録者の居宅サービス計画の作成に関する業務を担当させていますか。</t>
    <phoneticPr fontId="2"/>
  </si>
  <si>
    <t xml:space="preserve">
・居宅サービス計画（利用者又は家族の署名、捺印）
・アセスメントシート
・モニタリングシート</t>
    <rPh sb="3" eb="5">
      <t>キョタク</t>
    </rPh>
    <rPh sb="9" eb="11">
      <t>ケイカク</t>
    </rPh>
    <rPh sb="12" eb="15">
      <t>リヨウシャ</t>
    </rPh>
    <rPh sb="15" eb="16">
      <t>マタ</t>
    </rPh>
    <rPh sb="17" eb="19">
      <t>カゾク</t>
    </rPh>
    <rPh sb="20" eb="22">
      <t>ショメイ</t>
    </rPh>
    <rPh sb="23" eb="25">
      <t>ナツイン</t>
    </rPh>
    <phoneticPr fontId="2"/>
  </si>
  <si>
    <t>居宅サービス計画の作成🔶</t>
    <rPh sb="0" eb="2">
      <t>キョタク</t>
    </rPh>
    <rPh sb="6" eb="8">
      <t>ケイカク</t>
    </rPh>
    <phoneticPr fontId="2"/>
  </si>
  <si>
    <t>(3)主治の医師に看護小規模多機能型居宅介護計画及び看護小規模多機能型居宅介護報告書を提出し、主治の医師との密接な連携を図っていますか。
※病院又は診療所である場合には、主治医の指示及び看護小規模多機能型居宅介護報告書は診療記録その他の診療に関する記録への記載をもって代えることができる。</t>
    <phoneticPr fontId="2"/>
  </si>
  <si>
    <t>(2)看護サービスの提供の開始に際し、主治の医師による指示を文書で受けていますか。</t>
    <phoneticPr fontId="2"/>
  </si>
  <si>
    <t>(1)常勤の保健師又は看護師は、主治の医師の指示に基づき適切な看護サービスが提供されるよう管理していますか。</t>
    <phoneticPr fontId="2"/>
  </si>
  <si>
    <t xml:space="preserve">
主治の医師との関係</t>
    <phoneticPr fontId="2"/>
  </si>
  <si>
    <t>（12）特殊な看護等を行っていないですか。</t>
    <rPh sb="4" eb="6">
      <t>トクシュ</t>
    </rPh>
    <rPh sb="7" eb="10">
      <t>カンゴトウ</t>
    </rPh>
    <rPh sb="11" eb="12">
      <t>オコナ</t>
    </rPh>
    <phoneticPr fontId="35"/>
  </si>
  <si>
    <t>(11)看護サービスの提供に当たっては、医学の進歩に対応し、適切な看護技術をもって、サービスの提供を行っていますか。</t>
    <phoneticPr fontId="35"/>
  </si>
  <si>
    <t>(10)看護サービスの提供に当たっては、主治の医師との密接な連携により、及び看護小規模多機能型居宅介護計画に基づき、利用者の心身の機能の維持回復が図られるよう行われていますか。</t>
    <phoneticPr fontId="35"/>
  </si>
  <si>
    <t>(9)登録者が通いサービスを利用していない日は、可能な限り、訪問サービスの提供、電話連絡による見守り等を行う等、登録者の居宅における生活を支えるために適切なサービスを提供していますか。
※「訪問サービス」：看護小規模多機能型居宅介護の訪問サービスは、身体介護に限られないため、利用者宅を適宜訪問し、見守りの意味で声かけ等を行った場合でも訪問サービスの回数に含めて差し支えありません。</t>
    <phoneticPr fontId="35"/>
  </si>
  <si>
    <t>(8)通いサービスの利用者が登録定員に比べて著しく少ない状態が続いていませんか。
※登録定員のおおむね3分の1以下が目安となる。</t>
    <rPh sb="3" eb="4">
      <t>カヨ</t>
    </rPh>
    <rPh sb="10" eb="13">
      <t>リヨウシャ</t>
    </rPh>
    <rPh sb="14" eb="16">
      <t>トウロク</t>
    </rPh>
    <rPh sb="16" eb="18">
      <t>テイイン</t>
    </rPh>
    <rPh sb="19" eb="20">
      <t>クラ</t>
    </rPh>
    <rPh sb="22" eb="23">
      <t>イチジル</t>
    </rPh>
    <rPh sb="25" eb="26">
      <t>スク</t>
    </rPh>
    <rPh sb="28" eb="30">
      <t>ジョウタイ</t>
    </rPh>
    <rPh sb="31" eb="32">
      <t>ツヅ</t>
    </rPh>
    <rPh sb="42" eb="44">
      <t>トウロク</t>
    </rPh>
    <rPh sb="44" eb="46">
      <t>テイイン</t>
    </rPh>
    <rPh sb="52" eb="53">
      <t>ブン</t>
    </rPh>
    <rPh sb="55" eb="57">
      <t>イカ</t>
    </rPh>
    <rPh sb="58" eb="60">
      <t>メヤス</t>
    </rPh>
    <phoneticPr fontId="2"/>
  </si>
  <si>
    <t>（7）身体的拘束等の適正化を図るため、次に掲げる措置を講じていますか。
イ　身体拘束等の適正化のための対策を検討する委員会を3月に1回以上開催す
　　るとともに、その結果について介護職員その他の従業者に周知徹底を図る
　　こと。
ロ　身体拘束等の適正化のための指針を整備すること。
ハ　従業者に対し、身体拘束等の的成果のための研修を定期的に実施するこ
　　と。</t>
    <rPh sb="39" eb="41">
      <t>シンタイ</t>
    </rPh>
    <rPh sb="41" eb="43">
      <t>コウソク</t>
    </rPh>
    <rPh sb="43" eb="62">
      <t>トウノテキセイカノタメノタイサクヲケントウスルイインカイ</t>
    </rPh>
    <rPh sb="64" eb="65">
      <t>ツキ</t>
    </rPh>
    <rPh sb="67" eb="72">
      <t>カイイジョウカイサイ</t>
    </rPh>
    <rPh sb="84" eb="86">
      <t>ケッカ</t>
    </rPh>
    <rPh sb="90" eb="94">
      <t>カイゴショクイン</t>
    </rPh>
    <rPh sb="96" eb="97">
      <t>タ</t>
    </rPh>
    <rPh sb="98" eb="101">
      <t>ジュウギョウシャ</t>
    </rPh>
    <rPh sb="102" eb="106">
      <t>シュウチテッテイ</t>
    </rPh>
    <rPh sb="107" eb="108">
      <t>ハカ</t>
    </rPh>
    <rPh sb="118" eb="123">
      <t>シンタイコウソクトウ</t>
    </rPh>
    <rPh sb="124" eb="127">
      <t>テキセイカ</t>
    </rPh>
    <rPh sb="131" eb="133">
      <t>シシン</t>
    </rPh>
    <rPh sb="134" eb="136">
      <t>セイビ</t>
    </rPh>
    <rPh sb="144" eb="147">
      <t>ジュウギョウシャ</t>
    </rPh>
    <rPh sb="148" eb="149">
      <t>タイ</t>
    </rPh>
    <rPh sb="157" eb="158">
      <t>テキ</t>
    </rPh>
    <rPh sb="158" eb="160">
      <t>セイカ</t>
    </rPh>
    <rPh sb="164" eb="166">
      <t>ケンシュウ</t>
    </rPh>
    <rPh sb="167" eb="170">
      <t>テイキテキ</t>
    </rPh>
    <rPh sb="171" eb="173">
      <t>ジッシ</t>
    </rPh>
    <phoneticPr fontId="35"/>
  </si>
  <si>
    <t>・(身体的拘束がある場合)利用者の記録、家族への確認書</t>
    <rPh sb="2" eb="7">
      <t>シンタイテキコウソク</t>
    </rPh>
    <rPh sb="10" eb="12">
      <t>バアイ</t>
    </rPh>
    <rPh sb="13" eb="16">
      <t>リヨウシャ</t>
    </rPh>
    <rPh sb="17" eb="19">
      <t>キロク</t>
    </rPh>
    <rPh sb="20" eb="22">
      <t>カゾク</t>
    </rPh>
    <rPh sb="24" eb="27">
      <t>カクニンショ</t>
    </rPh>
    <phoneticPr fontId="35"/>
  </si>
  <si>
    <t>(6)やむを得ず身体拘束等を行う場合には、その態様及び時間、その際の利用者の心身の状況並びに緊急やむを得なかった理由を記録していますか。</t>
    <phoneticPr fontId="2"/>
  </si>
  <si>
    <t>(5)サービスの提供に当たっては、当該利用者又は他の利用者等の生命又は身体を保護するため緊急やむを得ない場合を除き、身体的拘束その他利用者の行動を制限する行為（以下、「身体拘束等」という）を行っていませんか。
※介護保険指定基準上、利用者の身体拘束が認められるのは『切迫性』『非代替性』『一時性』の三つの要件を満たし、かつ、それらの要件の確認等の手続きが極めて慎重に実施されているケースに限られます。</t>
    <phoneticPr fontId="2"/>
  </si>
  <si>
    <t>(4)看護小規模多機能型居宅介護従業者は、サービスの提供に当たっては、懇切丁寧に行うことを旨とし、利用者又はその家族に対し、サービスの提供内容等について、理解しやすいように説明又は必要に応じた指導を行っていますか。</t>
    <rPh sb="69" eb="71">
      <t>ナイヨウ</t>
    </rPh>
    <rPh sb="88" eb="89">
      <t>マタ</t>
    </rPh>
    <rPh sb="90" eb="92">
      <t>ヒツヨウ</t>
    </rPh>
    <rPh sb="93" eb="94">
      <t>オウ</t>
    </rPh>
    <rPh sb="96" eb="98">
      <t>シドウ</t>
    </rPh>
    <phoneticPr fontId="2"/>
  </si>
  <si>
    <t>(3)サービスの提供に当たっては、複合型サービス計画に基づき、漫然かつ画一的にならないように、利用者の機能訓練および日常生活を営むことができるよう必要な援助を行っていますか。</t>
    <phoneticPr fontId="2"/>
  </si>
  <si>
    <t>(2)利用者１人１人の人格を尊重し、利用者がそれぞれの役割を持って家庭的な環境の下で日常生活を送ることができるよう配慮して行っていますか。</t>
    <phoneticPr fontId="2"/>
  </si>
  <si>
    <t xml:space="preserve">(1)利用者が住み慣れた地域での生活を継続することができるよう、利用者の病状、心身の状況、希望及び環境を踏まえて、通いサービス、訪問サービス及び宿泊サービスを柔軟に組み合わせることにより、居宅、通所、宿
泊の提供の場において、日常生活上の世話、機能訓練、療養上の世話、診療上の補助を適切に行っていますか。 </t>
    <phoneticPr fontId="2"/>
  </si>
  <si>
    <t>看護小規模多機能型居宅介護の具体的取扱方針</t>
    <rPh sb="0" eb="2">
      <t>カンゴ</t>
    </rPh>
    <rPh sb="2" eb="5">
      <t>ショウキボ</t>
    </rPh>
    <rPh sb="5" eb="8">
      <t>タキノウ</t>
    </rPh>
    <rPh sb="8" eb="9">
      <t>ガタ</t>
    </rPh>
    <rPh sb="9" eb="11">
      <t>キョタク</t>
    </rPh>
    <rPh sb="11" eb="13">
      <t>カイゴ</t>
    </rPh>
    <rPh sb="14" eb="17">
      <t>グタイテキ</t>
    </rPh>
    <rPh sb="17" eb="19">
      <t>トリアツカイ</t>
    </rPh>
    <phoneticPr fontId="2"/>
  </si>
  <si>
    <t>(3)自己評価の結果については、運営推進会議に報告した上で、利用者並びに利用者の家族へ提供するほか、法人のホームページや事業所の見やすい場所へ掲示する等していますか。</t>
    <phoneticPr fontId="2"/>
  </si>
  <si>
    <t>(2)事業所の開設から概ね6か月を経過した後については、自己評価を少なくとも年1回は行っていますか。</t>
    <phoneticPr fontId="2"/>
  </si>
  <si>
    <t>(1)利用者の要介護状態の軽減又は悪化の防止に質するよう、その目標を設定し、計画的に行われていますか。</t>
    <phoneticPr fontId="2"/>
  </si>
  <si>
    <t>看護小規模多機能型居宅介護の基本取扱方針</t>
    <rPh sb="0" eb="2">
      <t>カンゴ</t>
    </rPh>
    <rPh sb="2" eb="5">
      <t>ショウキボ</t>
    </rPh>
    <rPh sb="5" eb="8">
      <t>タキノウ</t>
    </rPh>
    <rPh sb="8" eb="9">
      <t>ガタ</t>
    </rPh>
    <rPh sb="9" eb="11">
      <t>キョタク</t>
    </rPh>
    <rPh sb="11" eb="13">
      <t>カイゴ</t>
    </rPh>
    <rPh sb="14" eb="16">
      <t>キホン</t>
    </rPh>
    <phoneticPr fontId="2"/>
  </si>
  <si>
    <t>法定代理受領サービスに該当しない利用料の支払を受けた場合は、必要な事項を記載したサービス提供証明書を利用者に対して交付していますか。</t>
    <phoneticPr fontId="2"/>
  </si>
  <si>
    <t>保険給付のための証明書の交付</t>
    <rPh sb="0" eb="2">
      <t>ホケン</t>
    </rPh>
    <rPh sb="2" eb="4">
      <t>キュウフ</t>
    </rPh>
    <rPh sb="8" eb="11">
      <t>ショウメイショ</t>
    </rPh>
    <rPh sb="12" eb="14">
      <t>コウフ</t>
    </rPh>
    <phoneticPr fontId="2"/>
  </si>
  <si>
    <t>(4)上記の費用の額に係るサービスの提供にあっては、あらかじめ、利用者又はその家族に対し、その内容及び費用について説明を行い、利用者の同意を得ていますか。</t>
    <phoneticPr fontId="2"/>
  </si>
  <si>
    <t>(3)通常の実施地域以外への送迎費・訪問サービスを提供する場合の交通費、食事の提供に要する費用、宿泊に要する費用、おむつ代、その他日常生活費に要する費用の取扱いは適切に行なわれていますか。
領収書を発行し、控えを保管していますか。
領収書には、費用の額を保険給付の対象となっているサービスと明確に区分して記載していますか。</t>
    <rPh sb="128" eb="130">
      <t>ホケン</t>
    </rPh>
    <rPh sb="130" eb="132">
      <t>キュウフ</t>
    </rPh>
    <rPh sb="133" eb="135">
      <t>タイショウ</t>
    </rPh>
    <rPh sb="146" eb="148">
      <t>メイカク</t>
    </rPh>
    <phoneticPr fontId="2"/>
  </si>
  <si>
    <t>(2)法定代理受領サービスである場合と、そうでない場合との間に不合理な差額を設けていませんか。</t>
    <phoneticPr fontId="35"/>
  </si>
  <si>
    <t xml:space="preserve">
・請求書
・領収証</t>
    <phoneticPr fontId="2"/>
  </si>
  <si>
    <t>(1)法定代理受領サービスを提供した際には、その利用者から利用料の支払（利用者の負担割合証に応じた額）を徴収していますか。</t>
    <phoneticPr fontId="2"/>
  </si>
  <si>
    <t>利用料等の受領🔶</t>
    <rPh sb="0" eb="3">
      <t>リヨウリョウ</t>
    </rPh>
    <rPh sb="3" eb="4">
      <t>トウ</t>
    </rPh>
    <rPh sb="5" eb="7">
      <t>ジュリョウ</t>
    </rPh>
    <phoneticPr fontId="2"/>
  </si>
  <si>
    <t>(2)提供した具体的なサービスの内容等を記録していますか。</t>
    <phoneticPr fontId="2"/>
  </si>
  <si>
    <t>(1)サービスを提供した際には、提供日、内容等について、居宅サービス計画の書面又はサービス利用票等に記載していますか。</t>
    <phoneticPr fontId="2"/>
  </si>
  <si>
    <t xml:space="preserve">
・サービス提供記録
・業務日誌
・モニタリングシート
・送迎記録</t>
    <rPh sb="30" eb="34">
      <t>ソウゲイキロク</t>
    </rPh>
    <phoneticPr fontId="2"/>
  </si>
  <si>
    <t>サービス提供の記録🔶</t>
    <rPh sb="4" eb="6">
      <t>テイキョウ</t>
    </rPh>
    <rPh sb="7" eb="9">
      <t>キロク</t>
    </rPh>
    <phoneticPr fontId="2"/>
  </si>
  <si>
    <t>利用者が安心して訪問サービスの提供を受けられるよう、職員が身分を明らかにする証書や名札等を携行し、初回訪問時及び利用者又は家族から求められたときは提示していますか。</t>
    <rPh sb="0" eb="3">
      <t>リヨウシャ</t>
    </rPh>
    <rPh sb="4" eb="6">
      <t>アンシン</t>
    </rPh>
    <rPh sb="8" eb="10">
      <t>ホウモン</t>
    </rPh>
    <rPh sb="15" eb="17">
      <t>テイキョウ</t>
    </rPh>
    <rPh sb="18" eb="19">
      <t>ウ</t>
    </rPh>
    <rPh sb="26" eb="28">
      <t>ショクイン</t>
    </rPh>
    <rPh sb="29" eb="31">
      <t>ミブン</t>
    </rPh>
    <rPh sb="32" eb="33">
      <t>アキ</t>
    </rPh>
    <rPh sb="38" eb="40">
      <t>ショウショ</t>
    </rPh>
    <rPh sb="41" eb="43">
      <t>ナフダ</t>
    </rPh>
    <rPh sb="43" eb="44">
      <t>トウ</t>
    </rPh>
    <rPh sb="45" eb="47">
      <t>ケイコウ</t>
    </rPh>
    <rPh sb="49" eb="51">
      <t>ショカイ</t>
    </rPh>
    <rPh sb="51" eb="53">
      <t>ホウモン</t>
    </rPh>
    <rPh sb="53" eb="54">
      <t>ジ</t>
    </rPh>
    <rPh sb="54" eb="55">
      <t>オヨ</t>
    </rPh>
    <rPh sb="56" eb="59">
      <t>リヨウシャ</t>
    </rPh>
    <rPh sb="59" eb="60">
      <t>マタ</t>
    </rPh>
    <rPh sb="61" eb="63">
      <t>カゾク</t>
    </rPh>
    <rPh sb="65" eb="66">
      <t>モト</t>
    </rPh>
    <rPh sb="73" eb="75">
      <t>テイジ</t>
    </rPh>
    <phoneticPr fontId="2"/>
  </si>
  <si>
    <t>身分を証する書類の携行</t>
    <rPh sb="0" eb="2">
      <t>ミブン</t>
    </rPh>
    <rPh sb="3" eb="4">
      <t>ショウ</t>
    </rPh>
    <rPh sb="6" eb="8">
      <t>ショルイ</t>
    </rPh>
    <rPh sb="9" eb="11">
      <t>ケイコウ</t>
    </rPh>
    <phoneticPr fontId="2"/>
  </si>
  <si>
    <t>(3)サービス提供の終了の際には、利用者又は家族に対して適切な指導を行うとともに、利用者に係る居宅介護支援事業者等に対し、密接な連携に努めていますか。</t>
    <phoneticPr fontId="2"/>
  </si>
  <si>
    <t>(2)利用者の健康管理を適切に行うため、主治の医師との密接な連携に努めていますか。</t>
    <phoneticPr fontId="2"/>
  </si>
  <si>
    <t xml:space="preserve">
・サービス担当者会議の記録</t>
    <phoneticPr fontId="2"/>
  </si>
  <si>
    <t>(1)居宅サービス事業者、その他保健医療又は福祉サービス提供者と密接な連携に努めていますか。</t>
    <rPh sb="3" eb="5">
      <t>キョタク</t>
    </rPh>
    <rPh sb="9" eb="12">
      <t>ジギョウシャ</t>
    </rPh>
    <rPh sb="15" eb="16">
      <t>ホカ</t>
    </rPh>
    <rPh sb="16" eb="18">
      <t>ホケン</t>
    </rPh>
    <rPh sb="18" eb="20">
      <t>イリョウ</t>
    </rPh>
    <rPh sb="20" eb="21">
      <t>マタ</t>
    </rPh>
    <rPh sb="22" eb="24">
      <t>フクシ</t>
    </rPh>
    <rPh sb="28" eb="30">
      <t>テイキョウ</t>
    </rPh>
    <rPh sb="30" eb="31">
      <t>シャ</t>
    </rPh>
    <rPh sb="32" eb="34">
      <t>ミッセツ</t>
    </rPh>
    <rPh sb="35" eb="37">
      <t>レンケイ</t>
    </rPh>
    <rPh sb="38" eb="39">
      <t>ツト</t>
    </rPh>
    <phoneticPr fontId="2"/>
  </si>
  <si>
    <t>居宅サービス事業者等との連携🔶</t>
    <rPh sb="0" eb="2">
      <t>キョタク</t>
    </rPh>
    <rPh sb="6" eb="8">
      <t>ジギョウ</t>
    </rPh>
    <rPh sb="8" eb="9">
      <t>シャ</t>
    </rPh>
    <rPh sb="9" eb="10">
      <t>トウ</t>
    </rPh>
    <rPh sb="12" eb="14">
      <t>レンケイ</t>
    </rPh>
    <phoneticPr fontId="2"/>
  </si>
  <si>
    <t>サービス提供に当たっては、サービス担当者会議等を通じて、利用者の心身の状況、環境、他の保健医療サービス又は福祉サービスの利用状況等の把握に努めていますか。</t>
    <phoneticPr fontId="2"/>
  </si>
  <si>
    <t>・サービス担当者会議の記録</t>
    <phoneticPr fontId="2"/>
  </si>
  <si>
    <t>心身の状況等の把握🔶</t>
    <rPh sb="0" eb="2">
      <t>シンシン</t>
    </rPh>
    <rPh sb="3" eb="6">
      <t>ジョウキョウトウ</t>
    </rPh>
    <rPh sb="7" eb="9">
      <t>ハアク</t>
    </rPh>
    <phoneticPr fontId="2"/>
  </si>
  <si>
    <t>要介護認定等の更新の申請が、遅くとも当該利用者が受けている要介護認定等の有効期間が終了する30日前にはなされるよう必要な援助を行っていますか。</t>
    <phoneticPr fontId="2"/>
  </si>
  <si>
    <t>要介護認定の申請に係る援助</t>
    <phoneticPr fontId="2"/>
  </si>
  <si>
    <t>サービスの提供を求められた場合は、その者の提示する被保険者証によって、被保険者資格、要介護認定の有無及び要介護認定の有効期間を確かめていますか。</t>
    <phoneticPr fontId="2"/>
  </si>
  <si>
    <t>・介護保険番号、有効期限等を確認している記録等</t>
    <phoneticPr fontId="2"/>
  </si>
  <si>
    <t>受給資格等の確認🔶</t>
    <rPh sb="0" eb="2">
      <t>ジュキュウ</t>
    </rPh>
    <rPh sb="2" eb="4">
      <t>シカク</t>
    </rPh>
    <rPh sb="4" eb="5">
      <t>トウ</t>
    </rPh>
    <rPh sb="6" eb="8">
      <t>カクニン</t>
    </rPh>
    <phoneticPr fontId="2"/>
  </si>
  <si>
    <t>サービス提供が困難である場合は、居宅介護支援事業者への連絡、適当な他の指定看護小規模多機能型居宅介護事業者等の紹介等、必要な措置を速やかに請じていますか。</t>
    <phoneticPr fontId="2"/>
  </si>
  <si>
    <t>サービス提供困難時の対応</t>
    <rPh sb="4" eb="6">
      <t>テイキョウ</t>
    </rPh>
    <rPh sb="6" eb="8">
      <t>コンナン</t>
    </rPh>
    <rPh sb="8" eb="9">
      <t>ジ</t>
    </rPh>
    <rPh sb="10" eb="12">
      <t>タイオウ</t>
    </rPh>
    <phoneticPr fontId="2"/>
  </si>
  <si>
    <t>利用申込に対して正当な理由（現員では適切な介護が困難、定員オーバー、通常の事業の実施地域外等）なくサービスの提供を拒んでいませんか。</t>
    <phoneticPr fontId="35"/>
  </si>
  <si>
    <t>提供拒否の禁止</t>
    <rPh sb="0" eb="2">
      <t>テイキョウ</t>
    </rPh>
    <rPh sb="2" eb="4">
      <t>キョヒ</t>
    </rPh>
    <rPh sb="5" eb="7">
      <t>キンシ</t>
    </rPh>
    <phoneticPr fontId="2"/>
  </si>
  <si>
    <t>サービスの提供の開始に際し、あらかじめ、利用申込者またはその家族に対し、運営規程の概要、介護従事者の勤務の体制その他の利用申込者のサービスの選択に資すると認められる重要事項を記した文書又はデータを交付して説明を行い、当該提供の開始について利用申込者の同意を得ていますか。</t>
    <rPh sb="39" eb="40">
      <t>テイ</t>
    </rPh>
    <rPh sb="92" eb="93">
      <t>マタ</t>
    </rPh>
    <phoneticPr fontId="2"/>
  </si>
  <si>
    <t>・重要事項説明書（利用申込者又は家族の同意があったことがわかるもの）
・利用契約書</t>
    <rPh sb="1" eb="8">
      <t>ジュウヨウジコウセツメイショ</t>
    </rPh>
    <rPh sb="9" eb="14">
      <t>リヨウモウシコミシャ</t>
    </rPh>
    <rPh sb="14" eb="15">
      <t>マタ</t>
    </rPh>
    <rPh sb="16" eb="18">
      <t>カゾク</t>
    </rPh>
    <rPh sb="19" eb="21">
      <t>ドウイ</t>
    </rPh>
    <rPh sb="36" eb="41">
      <t>リヨウケイヤクショ</t>
    </rPh>
    <phoneticPr fontId="35"/>
  </si>
  <si>
    <t>内容及び手続きの説明・同意🔶</t>
    <rPh sb="0" eb="2">
      <t>ナイヨウ</t>
    </rPh>
    <rPh sb="2" eb="3">
      <t>オヨ</t>
    </rPh>
    <rPh sb="4" eb="6">
      <t>テツヅ</t>
    </rPh>
    <rPh sb="8" eb="10">
      <t>セツメイ</t>
    </rPh>
    <rPh sb="11" eb="13">
      <t>ドウイ</t>
    </rPh>
    <phoneticPr fontId="2"/>
  </si>
  <si>
    <t>Ⅲ　運営基準</t>
    <rPh sb="2" eb="4">
      <t>ウンエイ</t>
    </rPh>
    <rPh sb="4" eb="6">
      <t>キジュン</t>
    </rPh>
    <phoneticPr fontId="2"/>
  </si>
  <si>
    <t>(4)一つの宿泊室の定員（原則１名）及び床面積（7.43㎡以上）は適切ですか。
※病院又は診療所である場合は、6.4㎡以上となっていますか。</t>
    <rPh sb="6" eb="9">
      <t>シュクハクシツ</t>
    </rPh>
    <rPh sb="13" eb="15">
      <t>ゲンソク</t>
    </rPh>
    <rPh sb="16" eb="17">
      <t>メイ</t>
    </rPh>
    <rPh sb="29" eb="31">
      <t>イジョウ</t>
    </rPh>
    <phoneticPr fontId="2"/>
  </si>
  <si>
    <t>(3)居間及び食堂の面積は、機能を十分に発揮しうる適当な広さを確保できていますか。</t>
    <rPh sb="3" eb="5">
      <t>イマ</t>
    </rPh>
    <rPh sb="5" eb="6">
      <t>オヨ</t>
    </rPh>
    <rPh sb="7" eb="9">
      <t>ショクドウ</t>
    </rPh>
    <rPh sb="10" eb="12">
      <t>メンセキ</t>
    </rPh>
    <rPh sb="14" eb="16">
      <t>キノウ</t>
    </rPh>
    <rPh sb="17" eb="19">
      <t>ジュウブン</t>
    </rPh>
    <rPh sb="20" eb="22">
      <t>ハッキ</t>
    </rPh>
    <rPh sb="25" eb="27">
      <t>テキトウ</t>
    </rPh>
    <rPh sb="28" eb="29">
      <t>ヒロ</t>
    </rPh>
    <rPh sb="31" eb="33">
      <t>カクホ</t>
    </rPh>
    <phoneticPr fontId="2"/>
  </si>
  <si>
    <t>(2)消火設備及びその他の非常災害に際して必要な設備・備品を整備し、点検はできていますか。</t>
    <rPh sb="4" eb="5">
      <t>カ</t>
    </rPh>
    <rPh sb="11" eb="12">
      <t>タ</t>
    </rPh>
    <rPh sb="13" eb="15">
      <t>ヒジョウ</t>
    </rPh>
    <rPh sb="15" eb="17">
      <t>サイガイ</t>
    </rPh>
    <rPh sb="18" eb="19">
      <t>サイ</t>
    </rPh>
    <rPh sb="24" eb="26">
      <t>セツビ</t>
    </rPh>
    <phoneticPr fontId="2"/>
  </si>
  <si>
    <t>(1)居間、食堂、台所、宿泊室、浴室等必要な設備・備品を備えていますか。</t>
    <rPh sb="3" eb="5">
      <t>イマ</t>
    </rPh>
    <rPh sb="6" eb="8">
      <t>ショクドウ</t>
    </rPh>
    <rPh sb="9" eb="11">
      <t>ダイドコロ</t>
    </rPh>
    <rPh sb="12" eb="15">
      <t>シュクハクシツ</t>
    </rPh>
    <rPh sb="16" eb="18">
      <t>ヨクシツ</t>
    </rPh>
    <rPh sb="18" eb="19">
      <t>トウ</t>
    </rPh>
    <rPh sb="19" eb="21">
      <t>ヒツヨウ</t>
    </rPh>
    <rPh sb="22" eb="24">
      <t>セツビ</t>
    </rPh>
    <rPh sb="25" eb="27">
      <t>ビヒン</t>
    </rPh>
    <rPh sb="28" eb="29">
      <t>ソナ</t>
    </rPh>
    <phoneticPr fontId="2"/>
  </si>
  <si>
    <t xml:space="preserve">
・平面図</t>
    <phoneticPr fontId="35"/>
  </si>
  <si>
    <t xml:space="preserve">
設備及び備品等</t>
    <rPh sb="3" eb="4">
      <t>オヨ</t>
    </rPh>
    <rPh sb="5" eb="7">
      <t>ビヒン</t>
    </rPh>
    <rPh sb="7" eb="8">
      <t>トウ</t>
    </rPh>
    <phoneticPr fontId="2"/>
  </si>
  <si>
    <t>(2)利用定員は、通いサービスでは下記に定める範囲までとなっていますか。
　登録定員25人まで　　→　登録定員の2分の1から15人
　登録定員26人又は27人→　　　　　〃　　　　　16人
　登録定員28人　　　　→　　　　　〃　　　　　17人
　登録定員29人　　　　→　　　　　〃　　　　　18人
宿泊サービスでは、通いサービスの利用定員の3分の1から9人までの範囲内となっていますか。</t>
    <rPh sb="3" eb="5">
      <t>リヨウ</t>
    </rPh>
    <rPh sb="5" eb="7">
      <t>テイイン</t>
    </rPh>
    <rPh sb="9" eb="10">
      <t>カヨ</t>
    </rPh>
    <rPh sb="17" eb="19">
      <t>カキ</t>
    </rPh>
    <rPh sb="20" eb="21">
      <t>サダ</t>
    </rPh>
    <rPh sb="23" eb="25">
      <t>ハンイ</t>
    </rPh>
    <rPh sb="38" eb="40">
      <t>トウロク</t>
    </rPh>
    <rPh sb="40" eb="42">
      <t>テイイン</t>
    </rPh>
    <rPh sb="44" eb="45">
      <t>ニン</t>
    </rPh>
    <rPh sb="51" eb="53">
      <t>トウロク</t>
    </rPh>
    <rPh sb="53" eb="55">
      <t>テイイン</t>
    </rPh>
    <rPh sb="57" eb="58">
      <t>ブン</t>
    </rPh>
    <rPh sb="64" eb="65">
      <t>ニン</t>
    </rPh>
    <rPh sb="67" eb="69">
      <t>トウロク</t>
    </rPh>
    <rPh sb="69" eb="71">
      <t>テイイン</t>
    </rPh>
    <rPh sb="73" eb="74">
      <t>ニン</t>
    </rPh>
    <rPh sb="74" eb="75">
      <t>マタ</t>
    </rPh>
    <rPh sb="78" eb="79">
      <t>ニン</t>
    </rPh>
    <rPh sb="93" eb="94">
      <t>ニン</t>
    </rPh>
    <rPh sb="96" eb="98">
      <t>トウロク</t>
    </rPh>
    <rPh sb="98" eb="100">
      <t>テイイン</t>
    </rPh>
    <rPh sb="102" eb="103">
      <t>ニン</t>
    </rPh>
    <rPh sb="121" eb="122">
      <t>ニン</t>
    </rPh>
    <rPh sb="124" eb="126">
      <t>トウロク</t>
    </rPh>
    <rPh sb="126" eb="128">
      <t>テイイン</t>
    </rPh>
    <rPh sb="130" eb="131">
      <t>ニン</t>
    </rPh>
    <rPh sb="149" eb="150">
      <t>ニン</t>
    </rPh>
    <rPh sb="151" eb="153">
      <t>シュクハク</t>
    </rPh>
    <rPh sb="160" eb="161">
      <t>カヨ</t>
    </rPh>
    <rPh sb="167" eb="169">
      <t>リヨウ</t>
    </rPh>
    <rPh sb="169" eb="171">
      <t>テイイン</t>
    </rPh>
    <rPh sb="173" eb="174">
      <t>ブン</t>
    </rPh>
    <rPh sb="179" eb="180">
      <t>ニン</t>
    </rPh>
    <rPh sb="183" eb="186">
      <t>ハンイナイ</t>
    </rPh>
    <phoneticPr fontId="2"/>
  </si>
  <si>
    <t>(1)登録定員は29人以下となっていますか。</t>
    <rPh sb="3" eb="5">
      <t>トウロク</t>
    </rPh>
    <rPh sb="5" eb="7">
      <t>テイイン</t>
    </rPh>
    <rPh sb="10" eb="11">
      <t>ニン</t>
    </rPh>
    <rPh sb="11" eb="13">
      <t>イカ</t>
    </rPh>
    <phoneticPr fontId="2"/>
  </si>
  <si>
    <t>登録定員及び利用定員</t>
    <rPh sb="0" eb="2">
      <t>トウロク</t>
    </rPh>
    <rPh sb="2" eb="4">
      <t>テイイン</t>
    </rPh>
    <rPh sb="4" eb="5">
      <t>オヨ</t>
    </rPh>
    <rPh sb="6" eb="8">
      <t>リヨウ</t>
    </rPh>
    <rPh sb="8" eb="10">
      <t>テイイン</t>
    </rPh>
    <phoneticPr fontId="2"/>
  </si>
  <si>
    <t>Ⅱ　設備基準🔶</t>
    <rPh sb="2" eb="4">
      <t>セツビ</t>
    </rPh>
    <rPh sb="4" eb="6">
      <t>キジュン</t>
    </rPh>
    <phoneticPr fontId="2"/>
  </si>
  <si>
    <t>(2)代表者は、次のいずれかの研修を受講し修了証の交付を受けていますか。
①痴呆介護実務者研修（基礎課程又は専門課程）（H16年度まで実施）
②認知症介護実践者研修又は実践リーダー研修（H17年度以降）
③認知症高齢者グループホーム管理者研修（H17年度実施）
④認知症介護指導者研修
⑤認知症高齢者グループホーム開設予定者研修
⑥認知症対応型サービス事業開設者研修（H18年度以降）
又は、保健師若しくは看護師
　　（医療機関での看護、訪問看護又は訪問指導に従事した経験がある者）</t>
    <rPh sb="8" eb="9">
      <t>ツギ</t>
    </rPh>
    <rPh sb="18" eb="20">
      <t>ジュコウ</t>
    </rPh>
    <rPh sb="23" eb="24">
      <t>アカシ</t>
    </rPh>
    <rPh sb="25" eb="27">
      <t>コウフ</t>
    </rPh>
    <rPh sb="28" eb="29">
      <t>ウ</t>
    </rPh>
    <rPh sb="194" eb="195">
      <t>マタ</t>
    </rPh>
    <rPh sb="197" eb="200">
      <t>ホケンシ</t>
    </rPh>
    <rPh sb="200" eb="201">
      <t>モ</t>
    </rPh>
    <rPh sb="204" eb="207">
      <t>カンゴシ</t>
    </rPh>
    <rPh sb="211" eb="213">
      <t>イリョウ</t>
    </rPh>
    <rPh sb="213" eb="215">
      <t>キカン</t>
    </rPh>
    <rPh sb="217" eb="219">
      <t>カンゴ</t>
    </rPh>
    <rPh sb="220" eb="222">
      <t>ホウモン</t>
    </rPh>
    <rPh sb="222" eb="224">
      <t>カンゴ</t>
    </rPh>
    <rPh sb="224" eb="225">
      <t>マタ</t>
    </rPh>
    <rPh sb="226" eb="228">
      <t>ホウモン</t>
    </rPh>
    <rPh sb="228" eb="230">
      <t>シドウ</t>
    </rPh>
    <rPh sb="231" eb="233">
      <t>ジュウジ</t>
    </rPh>
    <rPh sb="235" eb="237">
      <t>ケイケン</t>
    </rPh>
    <rPh sb="240" eb="241">
      <t>モノ</t>
    </rPh>
    <phoneticPr fontId="2"/>
  </si>
  <si>
    <t>(1)法人の代表者又はその事業部門の責任者は、特別養護老人ホーム、老人デイサービスセンター、介護老人保健施設、介護医療院、指定小規模多機能型居宅介護、指定認知症対応型共同生活介護、指定複合型サービス事業所等の従業者若しくは訪問介護員等として認知症である者の介護に従事した経験を有する者又は保健医療サービス若しくは福祉サービスの経営に携わった経験を有する者ですか。</t>
    <rPh sb="55" eb="57">
      <t>カイゴ</t>
    </rPh>
    <rPh sb="57" eb="59">
      <t>イリョウ</t>
    </rPh>
    <rPh sb="59" eb="60">
      <t>イン</t>
    </rPh>
    <rPh sb="61" eb="63">
      <t>シテイ</t>
    </rPh>
    <rPh sb="63" eb="66">
      <t>ショウキボ</t>
    </rPh>
    <rPh sb="66" eb="69">
      <t>タキノウ</t>
    </rPh>
    <rPh sb="69" eb="70">
      <t>ガタ</t>
    </rPh>
    <rPh sb="70" eb="72">
      <t>キョタク</t>
    </rPh>
    <rPh sb="72" eb="74">
      <t>カイゴ</t>
    </rPh>
    <rPh sb="90" eb="92">
      <t>シテイ</t>
    </rPh>
    <rPh sb="92" eb="95">
      <t>フクゴウガタ</t>
    </rPh>
    <phoneticPr fontId="2"/>
  </si>
  <si>
    <t>看護小規模多機能型居宅介護事業者の代表者</t>
    <rPh sb="0" eb="2">
      <t>カンゴ</t>
    </rPh>
    <rPh sb="2" eb="5">
      <t>ショウキボ</t>
    </rPh>
    <rPh sb="5" eb="9">
      <t>タキノウガタ</t>
    </rPh>
    <rPh sb="9" eb="11">
      <t>キョタク</t>
    </rPh>
    <rPh sb="11" eb="13">
      <t>カイゴ</t>
    </rPh>
    <phoneticPr fontId="2"/>
  </si>
  <si>
    <t>(3)①管理者は、次の研修を受講し修了証の交付を受けていますか。
　・認知症介護実践者研修（基礎課程含む）
　・認知症対応型サービス事業管理者研修
又は②保健師若しくは看護師（医療機関での経験のある者）</t>
    <phoneticPr fontId="2"/>
  </si>
  <si>
    <t>(2)「特別養護老人ホーム、老人デイサービスセンター、介護老人保健施設、指定認知症対応型共同生活介護事業所等の従業者又は訪問介護員等として、３年以上認知症である者の介護に従事した経験を有する者」に該当していますか。</t>
    <phoneticPr fontId="35"/>
  </si>
  <si>
    <t>(1)専らその職務に従事する常勤の管理者を置いていますか。
ただし、管理上支障がない場合は、当該事業所の他の職務に従事し、又は同一の事業者によって設置された他の事業所等の職務に従事することができる。ただし、その場合でも、当該指定地域密着型通所介護事業所の利用者へのサービス提供場面で生じる事象を適時かつ適正に把握し、対処しなければならない。 
※訪問系サービス提供者として従事する場合は、支障があると考えられる。
　・兼務の有無（　有　・　無　）
　・兼務している場合は、そのサービスの種類、職種名
　　（　　　　　　　　　　　　　　　　　　　　）</t>
    <phoneticPr fontId="2"/>
  </si>
  <si>
    <t>・管理者の雇用形態が分かる文書
・管理者の勤務実績表／タイムカード
・研修を終了したことがわかるもの</t>
    <rPh sb="1" eb="4">
      <t>カンリシャ</t>
    </rPh>
    <rPh sb="5" eb="9">
      <t>コヨウケイタイ</t>
    </rPh>
    <rPh sb="10" eb="11">
      <t>ワ</t>
    </rPh>
    <rPh sb="13" eb="15">
      <t>ブンショ</t>
    </rPh>
    <rPh sb="17" eb="20">
      <t>カンリシャ</t>
    </rPh>
    <rPh sb="21" eb="26">
      <t>キンムジッセキヒョウ</t>
    </rPh>
    <rPh sb="35" eb="37">
      <t>ケンシュウ</t>
    </rPh>
    <rPh sb="38" eb="40">
      <t>シュウリョウ</t>
    </rPh>
    <phoneticPr fontId="35"/>
  </si>
  <si>
    <t>管理者</t>
  </si>
  <si>
    <t>《参考》
✐職員の実際の配置は、その日ごとの状況に応じて判断する。
✐上記配置は、通いや訪問サービスに固定しなければならないという趣旨ではなく、日中勤務している介護従事者全体で通いサービス及び訪問サービスを行うことを指します。
✐夜勤者に加えて配置される宿直職員については、主として登録者からの連絡を受けての訪問に対応するために配置されるものであることから、連絡を受けた後、事業所から登録者宅へ訪問するのと同程度の対応ができるなど、随時の訪問に支障がない体制が整備されているのであれば、必ずしも事業所内で宿直する必要はありません。</t>
    <rPh sb="1" eb="3">
      <t>サンコウ</t>
    </rPh>
    <phoneticPr fontId="2"/>
  </si>
  <si>
    <t>■基準条例第８３条に定める員数を配置していない場合は、所定単位数に１００分の７０を乗じて得た単位数を用いて、指定地域密着型サービスに要する費用の額の算定に関する基準の例により算定することになります。
■人員欠如状態のまま事業を継続している場合、指定基準等の違反として指導・指定取り消し等の対象となります。</t>
    <rPh sb="3" eb="5">
      <t>ジョウレイ</t>
    </rPh>
    <phoneticPr fontId="2"/>
  </si>
  <si>
    <t>(7)夜間及び深夜の時間帯を通じて、夜勤１名と宿直１名の配置を満たしていますか。
※ただし、宿泊サービスの利用者がいない場合であって、夜間及び深夜の時間帯を通じて利用者に対して訪問サービスを提供するために必要な連絡体制を整備している時は、宿直及び夜勤を行なう従業者を置かないことができる。</t>
    <phoneticPr fontId="35"/>
  </si>
  <si>
    <t>計画作成担当者は、次の研修を受講し修了証の交付を受けていますか。
①　認知症介護実践者研修（基礎課程含む）
②　小規模多機能型サービス等計画作成担当者研修</t>
    <rPh sb="0" eb="2">
      <t>ケイカク</t>
    </rPh>
    <rPh sb="2" eb="4">
      <t>サクセイ</t>
    </rPh>
    <rPh sb="4" eb="7">
      <t>タントウシャ</t>
    </rPh>
    <phoneticPr fontId="2"/>
  </si>
  <si>
    <t>(6)登録者の居宅サービス計画及び看護小規模多機能型居宅介護計画の作成に専ら従事する介護支援専門員を配置していますか。ただし、利用者の処遇に支障が無い場合は、管理者との兼務もできる。また、非常勤でも差し支えない。
※介護支援専門員の資格は有効ですか。</t>
    <phoneticPr fontId="35"/>
  </si>
  <si>
    <t>(5)通いサービス及び訪問サービスの提供に当たる従業者のうち、１以上の者は、看護職員となっていますか。
※看護職員は、日中の通いサービスと訪問サービスを行う各サービスで１名以上必要であり、常勤を要件としていないが、日中のサービス提供時間帯を通じて必要な看護サービスが提供される職員配置とする。</t>
    <phoneticPr fontId="2"/>
  </si>
  <si>
    <t>(4)従事者のうち、常勤換算方法で2.5以上の者は、保健師、看護師又は准看護師（以下、「看護職員」という。）となっていますか。
→常勤換算方法で看護職員（　　　　　名）</t>
    <phoneticPr fontId="2"/>
  </si>
  <si>
    <t>(3)看護小規模多機能型居宅介護従事者のうち1以上の者は、常勤の保健師又は看護師となっていますか。
→常勤（　　　　名）</t>
    <phoneticPr fontId="2"/>
  </si>
  <si>
    <t>(2)常勤は週32時間以上（通常/週40時間程度）になっていますか。
※常勤換算方法とは、当該事業所の従業者の勤務延べ時間数を当該事業所において常勤の従業者が勤務すべき時間数（最低32時間）で除すことにより、当該事業所の員数を常勤の従業者の員数に換算する方法。
※日中の勤務帯（夜間及び深夜の時間帯を除いた時間）を6時～21時までとした場合、常勤換算方法で通いの利用者の3人に対して1名の従業者を配置すればよいことから、通いの利用者が15人の場合、日中の常勤の介護従事者は5名となり、日中の15時間の間に、8時間×5名＝延べ40時間のサービスが提供されていることが必要である。
それに加え、日中については、常勤換算方法で2名以上に訪問サービスの提供を行い、夜間については、夜勤者1名、宿直者1名に宿泊サービス及び夜間の訪問サービスに当たらせるために必要な複合型サービス従業者を配置する必要がある。</t>
    <phoneticPr fontId="2"/>
  </si>
  <si>
    <t>・雇用契約書等の雇用の形態がわかる文書
・資格証
・出勤簿、タイムカード、勤務実績表
・勤務表</t>
    <phoneticPr fontId="2"/>
  </si>
  <si>
    <t>(1)看護小規模多機能型居宅介護従業者の員数は、夜間及び深夜の時間帯以外（日中の時間帯）において常勤換算方法で通いの定員に対し、３：１の人員配置＋２人（訪問担当）になっていますか。
（通いの利用者15人の場合　職員5人＋2人＝7人）
　＊1人＝１日8時間の場合では、
        （5人×8時間）＋（2人×8時間）＝56時間
※利用者の数について
人員基準上満たすべき職員を算定する際の利用者数は、当該年度の前年度の平均を用いることとなります。ただし、新設又は増床の時点から６月以上１年未満の間は、直近の６月における全利用者数等の延数を６月間の日数で除して得た数とし、新設又は増床の時点から６月未満の間は通いサービスの利用定員の５０％の範囲内で届出された利用者見込み数を前提に算定することとなります。</t>
    <phoneticPr fontId="2"/>
  </si>
  <si>
    <t>従業者の員数</t>
    <phoneticPr fontId="2"/>
  </si>
  <si>
    <t>Ⅰ　人員基準🔶</t>
  </si>
  <si>
    <t>不適</t>
    <rPh sb="0" eb="2">
      <t>フテキ</t>
    </rPh>
    <phoneticPr fontId="2"/>
  </si>
  <si>
    <t>適</t>
    <rPh sb="0" eb="1">
      <t>テキ</t>
    </rPh>
    <phoneticPr fontId="2"/>
  </si>
  <si>
    <t>確認文書</t>
    <rPh sb="0" eb="2">
      <t>カクニン</t>
    </rPh>
    <rPh sb="2" eb="4">
      <t>ブンショ</t>
    </rPh>
    <phoneticPr fontId="2"/>
  </si>
  <si>
    <t>確認事項</t>
    <rPh sb="0" eb="2">
      <t>カクニン</t>
    </rPh>
    <rPh sb="2" eb="4">
      <t>ジコウ</t>
    </rPh>
    <phoneticPr fontId="2"/>
  </si>
  <si>
    <t>点検した結果を記載して下さい。</t>
    <rPh sb="0" eb="2">
      <t>テンケン</t>
    </rPh>
    <rPh sb="4" eb="6">
      <t>ケッカ</t>
    </rPh>
    <rPh sb="7" eb="9">
      <t>キサイ</t>
    </rPh>
    <rPh sb="11" eb="12">
      <t>クダ</t>
    </rPh>
    <phoneticPr fontId="2"/>
  </si>
  <si>
    <t>看護小規模多機能型居宅介護</t>
    <rPh sb="0" eb="2">
      <t>カンゴ</t>
    </rPh>
    <rPh sb="2" eb="5">
      <t>ショウキボ</t>
    </rPh>
    <rPh sb="5" eb="9">
      <t>タキノウガタ</t>
    </rPh>
    <rPh sb="9" eb="11">
      <t>キョタク</t>
    </rPh>
    <rPh sb="11" eb="13">
      <t>カイゴ</t>
    </rPh>
    <phoneticPr fontId="2"/>
  </si>
  <si>
    <t>自己点検票（運営基準等）</t>
    <phoneticPr fontId="3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 "/>
  </numFmts>
  <fonts count="41" x14ac:knownFonts="1">
    <font>
      <sz val="11"/>
      <name val="ＭＳ Ｐゴシック"/>
      <family val="3"/>
      <charset val="128"/>
    </font>
    <font>
      <sz val="11"/>
      <color theme="1"/>
      <name val="ＭＳ Ｐゴシック"/>
      <family val="2"/>
      <charset val="128"/>
      <scheme val="minor"/>
    </font>
    <font>
      <sz val="6"/>
      <name val="ＭＳ Ｐゴシック"/>
      <family val="3"/>
      <charset val="128"/>
    </font>
    <font>
      <sz val="12"/>
      <name val="ＭＳ ゴシック"/>
      <family val="3"/>
      <charset val="128"/>
    </font>
    <font>
      <b/>
      <sz val="20"/>
      <name val="ＭＳ ゴシック"/>
      <family val="3"/>
      <charset val="128"/>
    </font>
    <font>
      <sz val="11"/>
      <name val="ＭＳ ゴシック"/>
      <family val="3"/>
      <charset val="128"/>
    </font>
    <font>
      <sz val="12"/>
      <name val="ＭＳ Ｐゴシック"/>
      <family val="3"/>
      <charset val="128"/>
    </font>
    <font>
      <strike/>
      <sz val="11"/>
      <name val="ＭＳ ゴシック"/>
      <family val="3"/>
      <charset val="128"/>
    </font>
    <font>
      <sz val="11"/>
      <name val="ＭＳ Ｐゴシック"/>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Cambria"/>
      <family val="1"/>
    </font>
    <font>
      <b/>
      <sz val="11"/>
      <color indexed="9"/>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11"/>
      <color rgb="FF0000FF"/>
      <name val="ＭＳ ゴシック"/>
      <family val="3"/>
      <charset val="128"/>
    </font>
    <font>
      <sz val="11"/>
      <color theme="1"/>
      <name val="ＭＳ 明朝"/>
      <family val="1"/>
      <charset val="128"/>
    </font>
    <font>
      <sz val="11"/>
      <name val="ＭＳ 明朝"/>
      <family val="1"/>
      <charset val="128"/>
    </font>
    <font>
      <sz val="10"/>
      <name val="ＭＳ ゴシック"/>
      <family val="3"/>
      <charset val="128"/>
    </font>
    <font>
      <b/>
      <sz val="12"/>
      <name val="ＭＳ ゴシック"/>
      <family val="3"/>
      <charset val="128"/>
    </font>
    <font>
      <sz val="11"/>
      <color indexed="8"/>
      <name val="ＭＳ Ｐゴシック"/>
      <family val="3"/>
      <charset val="128"/>
    </font>
    <font>
      <b/>
      <sz val="11"/>
      <name val="ＭＳ ゴシック"/>
      <family val="3"/>
      <charset val="128"/>
    </font>
    <font>
      <sz val="10"/>
      <color rgb="FFFF0000"/>
      <name val="ＭＳ ゴシック"/>
      <family val="3"/>
      <charset val="128"/>
    </font>
    <font>
      <sz val="10"/>
      <color theme="1"/>
      <name val="ＭＳ ゴシック"/>
      <family val="3"/>
      <charset val="128"/>
    </font>
    <font>
      <sz val="6"/>
      <name val="ＭＳ Ｐゴシック"/>
      <family val="2"/>
      <charset val="128"/>
      <scheme val="minor"/>
    </font>
    <font>
      <b/>
      <sz val="10"/>
      <name val="ＭＳ ゴシック"/>
      <family val="3"/>
      <charset val="128"/>
    </font>
    <font>
      <b/>
      <sz val="11"/>
      <color theme="1"/>
      <name val="ＭＳ ゴシック"/>
      <family val="3"/>
      <charset val="128"/>
    </font>
    <font>
      <b/>
      <sz val="11"/>
      <name val="Segoe UI Emoji"/>
      <family val="2"/>
    </font>
    <font>
      <b/>
      <sz val="11"/>
      <color theme="1"/>
      <name val="ＭＳ 明朝"/>
      <family val="1"/>
      <charset val="128"/>
    </font>
    <font>
      <b/>
      <sz val="20"/>
      <color theme="1"/>
      <name val="ＭＳ ゴシック"/>
      <family val="3"/>
      <charset val="128"/>
    </font>
  </fonts>
  <fills count="34">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92065187536243"/>
        <bgColor indexed="64"/>
      </patternFill>
    </fill>
    <fill>
      <patternFill patternType="solid">
        <fgColor theme="5" tint="0.79992065187536243"/>
        <bgColor indexed="64"/>
      </patternFill>
    </fill>
    <fill>
      <patternFill patternType="solid">
        <fgColor theme="6" tint="0.79992065187536243"/>
        <bgColor indexed="64"/>
      </patternFill>
    </fill>
    <fill>
      <patternFill patternType="solid">
        <fgColor theme="7" tint="0.79992065187536243"/>
        <bgColor indexed="64"/>
      </patternFill>
    </fill>
    <fill>
      <patternFill patternType="solid">
        <fgColor theme="8" tint="0.79992065187536243"/>
        <bgColor indexed="64"/>
      </patternFill>
    </fill>
    <fill>
      <patternFill patternType="solid">
        <fgColor theme="9" tint="0.79992065187536243"/>
        <bgColor indexed="64"/>
      </patternFill>
    </fill>
    <fill>
      <patternFill patternType="solid">
        <fgColor theme="4" tint="0.59993285927915285"/>
        <bgColor indexed="64"/>
      </patternFill>
    </fill>
    <fill>
      <patternFill patternType="solid">
        <fgColor theme="5" tint="0.59993285927915285"/>
        <bgColor indexed="64"/>
      </patternFill>
    </fill>
    <fill>
      <patternFill patternType="solid">
        <fgColor theme="6" tint="0.59993285927915285"/>
        <bgColor indexed="64"/>
      </patternFill>
    </fill>
    <fill>
      <patternFill patternType="solid">
        <fgColor theme="7" tint="0.59993285927915285"/>
        <bgColor indexed="64"/>
      </patternFill>
    </fill>
    <fill>
      <patternFill patternType="solid">
        <fgColor theme="8" tint="0.59993285927915285"/>
        <bgColor indexed="64"/>
      </patternFill>
    </fill>
    <fill>
      <patternFill patternType="solid">
        <fgColor theme="9" tint="0.59993285927915285"/>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0"/>
        <bgColor indexed="64"/>
      </patternFill>
    </fill>
  </fills>
  <borders count="88">
    <border>
      <left/>
      <right/>
      <top/>
      <bottom/>
      <diagonal/>
    </border>
    <border>
      <left style="thin">
        <color indexed="64"/>
      </left>
      <right style="thin">
        <color indexed="64"/>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dotted">
        <color indexed="64"/>
      </bottom>
      <diagonal/>
    </border>
    <border>
      <left style="thin">
        <color indexed="64"/>
      </left>
      <right style="dotted">
        <color indexed="64"/>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dotted">
        <color indexed="64"/>
      </top>
      <bottom style="dotted">
        <color indexed="64"/>
      </bottom>
      <diagonal/>
    </border>
    <border>
      <left style="thin">
        <color indexed="64"/>
      </left>
      <right style="dotted">
        <color indexed="64"/>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style="dotted">
        <color indexed="64"/>
      </top>
      <bottom style="thin">
        <color indexed="64"/>
      </bottom>
      <diagonal/>
    </border>
    <border>
      <left style="thin">
        <color indexed="64"/>
      </left>
      <right style="dotted">
        <color indexed="64"/>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dotted">
        <color indexed="64"/>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top style="thin">
        <color indexed="64"/>
      </top>
      <bottom/>
      <diagonal/>
    </border>
    <border>
      <left style="thin">
        <color indexed="64"/>
      </left>
      <right style="dotted">
        <color indexed="64"/>
      </right>
      <top/>
      <bottom/>
      <diagonal/>
    </border>
    <border>
      <left/>
      <right style="thin">
        <color indexed="64"/>
      </right>
      <top/>
      <bottom/>
      <diagonal/>
    </border>
    <border>
      <left style="thin">
        <color indexed="64"/>
      </left>
      <right style="thin">
        <color indexed="64"/>
      </right>
      <top style="dotted">
        <color indexed="64"/>
      </top>
      <bottom style="thin">
        <color indexed="64"/>
      </bottom>
      <diagonal/>
    </border>
    <border>
      <left style="thin">
        <color indexed="64"/>
      </left>
      <right/>
      <top style="thin">
        <color indexed="64"/>
      </top>
      <bottom style="dashed">
        <color indexed="64"/>
      </bottom>
      <diagonal/>
    </border>
    <border>
      <left style="thin">
        <color indexed="64"/>
      </left>
      <right style="dotted">
        <color indexed="64"/>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style="thin">
        <color indexed="64"/>
      </right>
      <top style="thin">
        <color indexed="64"/>
      </top>
      <bottom style="dashed">
        <color indexed="64"/>
      </bottom>
      <diagonal/>
    </border>
    <border>
      <left style="thin">
        <color indexed="64"/>
      </left>
      <right/>
      <top style="dashed">
        <color indexed="64"/>
      </top>
      <bottom style="dashed">
        <color indexed="64"/>
      </bottom>
      <diagonal/>
    </border>
    <border>
      <left style="thin">
        <color indexed="64"/>
      </left>
      <right style="dotted">
        <color indexed="64"/>
      </right>
      <top style="dashed">
        <color indexed="64"/>
      </top>
      <bottom style="dashed">
        <color indexed="64"/>
      </bottom>
      <diagonal/>
    </border>
    <border>
      <left/>
      <right style="thin">
        <color indexed="64"/>
      </right>
      <top style="dashed">
        <color indexed="64"/>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style="thin">
        <color indexed="64"/>
      </right>
      <top/>
      <bottom style="thin">
        <color indexed="64"/>
      </bottom>
      <diagonal/>
    </border>
    <border>
      <left style="dotted">
        <color indexed="64"/>
      </left>
      <right style="thin">
        <color indexed="64"/>
      </right>
      <top style="thin">
        <color indexed="64"/>
      </top>
      <bottom style="dotted">
        <color indexed="64"/>
      </bottom>
      <diagonal/>
    </border>
    <border>
      <left style="dotted">
        <color indexed="64"/>
      </left>
      <right style="thin">
        <color indexed="64"/>
      </right>
      <top style="dotted">
        <color indexed="64"/>
      </top>
      <bottom style="dotted">
        <color indexed="64"/>
      </bottom>
      <diagonal/>
    </border>
    <border>
      <left style="dotted">
        <color indexed="64"/>
      </left>
      <right style="thin">
        <color indexed="64"/>
      </right>
      <top style="dotted">
        <color indexed="64"/>
      </top>
      <bottom style="thin">
        <color indexed="64"/>
      </bottom>
      <diagonal/>
    </border>
    <border>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right/>
      <top style="hair">
        <color indexed="64"/>
      </top>
      <bottom style="hair">
        <color indexed="64"/>
      </bottom>
      <diagonal/>
    </border>
    <border>
      <left style="thin">
        <color indexed="64"/>
      </left>
      <right style="dotted">
        <color indexed="64"/>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dotted">
        <color indexed="64"/>
      </right>
      <top/>
      <bottom style="thin">
        <color indexed="64"/>
      </bottom>
      <diagonal/>
    </border>
    <border>
      <left/>
      <right style="thin">
        <color indexed="64"/>
      </right>
      <top/>
      <bottom style="thin">
        <color indexed="64"/>
      </bottom>
      <diagonal/>
    </border>
    <border>
      <left style="thin">
        <color indexed="64"/>
      </left>
      <right/>
      <top style="hair">
        <color indexed="64"/>
      </top>
      <bottom style="hair">
        <color indexed="64"/>
      </bottom>
      <diagonal/>
    </border>
    <border>
      <left style="dotted">
        <color indexed="64"/>
      </left>
      <right style="thin">
        <color indexed="64"/>
      </right>
      <top/>
      <bottom/>
      <diagonal/>
    </border>
    <border>
      <left style="thin">
        <color indexed="64"/>
      </left>
      <right style="dotted">
        <color indexed="64"/>
      </right>
      <top style="dotted">
        <color indexed="64"/>
      </top>
      <bottom/>
      <diagonal/>
    </border>
    <border>
      <left style="thin">
        <color indexed="64"/>
      </left>
      <right style="dotted">
        <color indexed="64"/>
      </right>
      <top/>
      <bottom style="dotted">
        <color indexed="64"/>
      </bottom>
      <diagonal/>
    </border>
    <border>
      <left style="dotted">
        <color indexed="64"/>
      </left>
      <right style="thin">
        <color indexed="64"/>
      </right>
      <top style="dotted">
        <color indexed="64"/>
      </top>
      <bottom/>
      <diagonal/>
    </border>
    <border>
      <left style="dotted">
        <color indexed="64"/>
      </left>
      <right style="thin">
        <color indexed="64"/>
      </right>
      <top/>
      <bottom style="dotted">
        <color indexed="64"/>
      </bottom>
      <diagonal/>
    </border>
    <border>
      <left/>
      <right style="thin">
        <color indexed="64"/>
      </right>
      <top style="hair">
        <color indexed="64"/>
      </top>
      <bottom/>
      <diagonal/>
    </border>
    <border>
      <left style="thin">
        <color indexed="64"/>
      </left>
      <right style="thin">
        <color indexed="64"/>
      </right>
      <top style="dotted">
        <color indexed="64"/>
      </top>
      <bottom/>
      <diagonal/>
    </border>
    <border>
      <left style="thin">
        <color indexed="64"/>
      </left>
      <right style="thin">
        <color indexed="64"/>
      </right>
      <top/>
      <bottom style="hair">
        <color indexed="64"/>
      </bottom>
      <diagonal/>
    </border>
    <border>
      <left style="thin">
        <color indexed="64"/>
      </left>
      <right/>
      <top style="dotted">
        <color indexed="64"/>
      </top>
      <bottom/>
      <diagonal/>
    </border>
    <border>
      <left/>
      <right/>
      <top style="thin">
        <color indexed="64"/>
      </top>
      <bottom style="dotted">
        <color indexed="64"/>
      </bottom>
      <diagonal/>
    </border>
    <border>
      <left/>
      <right style="thin">
        <color indexed="64"/>
      </right>
      <top/>
      <bottom style="dotted">
        <color indexed="64"/>
      </bottom>
      <diagonal/>
    </border>
    <border>
      <left style="thin">
        <color indexed="64"/>
      </left>
      <right style="thin">
        <color indexed="64"/>
      </right>
      <top/>
      <bottom style="dotted">
        <color indexed="64"/>
      </bottom>
      <diagonal/>
    </border>
    <border>
      <left style="thin">
        <color indexed="64"/>
      </left>
      <right/>
      <top/>
      <bottom style="dotted">
        <color indexed="64"/>
      </bottom>
      <diagonal/>
    </border>
    <border>
      <left style="thin">
        <color indexed="64"/>
      </left>
      <right style="thin">
        <color indexed="64"/>
      </right>
      <top style="dashed">
        <color indexed="64"/>
      </top>
      <bottom style="dotted">
        <color indexed="64"/>
      </bottom>
      <diagonal/>
    </border>
    <border>
      <left style="thin">
        <color indexed="64"/>
      </left>
      <right/>
      <top style="hair">
        <color indexed="64"/>
      </top>
      <bottom/>
      <diagonal/>
    </border>
    <border>
      <left style="dotted">
        <color indexed="64"/>
      </left>
      <right style="thin">
        <color indexed="64"/>
      </right>
      <top/>
      <bottom style="thin">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thin">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right/>
      <top/>
      <bottom style="thick">
        <color theme="4"/>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right/>
      <top/>
      <bottom style="thick">
        <color theme="4" tint="0.49992370372631001"/>
      </bottom>
      <diagonal/>
    </border>
    <border>
      <left/>
      <right/>
      <top style="dotted">
        <color indexed="64"/>
      </top>
      <bottom style="dotted">
        <color indexed="64"/>
      </bottom>
      <diagonal/>
    </border>
    <border>
      <left style="thin">
        <color indexed="64"/>
      </left>
      <right/>
      <top/>
      <bottom style="thin">
        <color indexed="64"/>
      </bottom>
      <diagonal/>
    </border>
    <border>
      <left style="thin">
        <color indexed="64"/>
      </left>
      <right style="thin">
        <color indexed="64"/>
      </right>
      <top style="thin">
        <color indexed="64"/>
      </top>
      <bottom style="hair">
        <color indexed="64"/>
      </bottom>
      <diagonal/>
    </border>
    <border>
      <left/>
      <right style="thin">
        <color indexed="64"/>
      </right>
      <top style="dotted">
        <color indexed="64"/>
      </top>
      <bottom/>
      <diagonal/>
    </border>
    <border>
      <left/>
      <right/>
      <top/>
      <bottom style="thin">
        <color indexed="64"/>
      </bottom>
      <diagonal/>
    </border>
    <border>
      <left style="thin">
        <color indexed="64"/>
      </left>
      <right style="hair">
        <color indexed="64"/>
      </right>
      <top style="hair">
        <color indexed="64"/>
      </top>
      <bottom/>
      <diagonal/>
    </border>
    <border>
      <left/>
      <right/>
      <top style="dotted">
        <color indexed="64"/>
      </top>
      <bottom style="thin">
        <color indexed="64"/>
      </bottom>
      <diagonal/>
    </border>
    <border>
      <left style="dotted">
        <color indexed="64"/>
      </left>
      <right style="thin">
        <color indexed="64"/>
      </right>
      <top style="thin">
        <color indexed="64"/>
      </top>
      <bottom/>
      <diagonal/>
    </border>
    <border>
      <left style="thin">
        <color indexed="64"/>
      </left>
      <right style="thin">
        <color indexed="64"/>
      </right>
      <top style="dotted">
        <color indexed="64"/>
      </top>
      <bottom style="hair">
        <color indexed="64"/>
      </bottom>
      <diagonal/>
    </border>
    <border>
      <left style="thin">
        <color indexed="64"/>
      </left>
      <right style="thin">
        <color indexed="64"/>
      </right>
      <top style="hair">
        <color indexed="64"/>
      </top>
      <bottom style="thin">
        <color indexed="64"/>
      </bottom>
      <diagonal/>
    </border>
    <border>
      <left style="dotted">
        <color indexed="64"/>
      </left>
      <right style="thin">
        <color indexed="64"/>
      </right>
      <top style="thin">
        <color indexed="64"/>
      </top>
      <bottom style="thin">
        <color indexed="64"/>
      </bottom>
      <diagonal/>
    </border>
    <border>
      <left style="thin">
        <color indexed="64"/>
      </left>
      <right/>
      <top style="thin">
        <color indexed="64"/>
      </top>
      <bottom/>
      <diagonal/>
    </border>
    <border>
      <left style="thin">
        <color indexed="64"/>
      </left>
      <right/>
      <top/>
      <bottom/>
      <diagonal/>
    </border>
    <border>
      <left style="dotted">
        <color indexed="64"/>
      </left>
      <right/>
      <top style="dotted">
        <color indexed="64"/>
      </top>
      <bottom style="dotted">
        <color indexed="64"/>
      </bottom>
      <diagonal/>
    </border>
  </borders>
  <cellStyleXfs count="44">
    <xf numFmtId="0" fontId="0" fillId="0" borderId="0">
      <alignment vertical="center"/>
    </xf>
    <xf numFmtId="0" fontId="9" fillId="4" borderId="0" applyNumberFormat="0" applyBorder="0" applyAlignment="0" applyProtection="0">
      <alignment vertical="center"/>
    </xf>
    <xf numFmtId="0" fontId="9" fillId="5" borderId="0" applyNumberFormat="0" applyBorder="0" applyAlignment="0" applyProtection="0">
      <alignment vertical="center"/>
    </xf>
    <xf numFmtId="0" fontId="9" fillId="6" borderId="0" applyNumberFormat="0" applyBorder="0" applyAlignment="0" applyProtection="0">
      <alignment vertical="center"/>
    </xf>
    <xf numFmtId="0" fontId="9" fillId="7" borderId="0" applyNumberFormat="0" applyBorder="0" applyAlignment="0" applyProtection="0">
      <alignment vertical="center"/>
    </xf>
    <xf numFmtId="0" fontId="9" fillId="8" borderId="0" applyNumberFormat="0" applyBorder="0" applyAlignment="0" applyProtection="0">
      <alignment vertical="center"/>
    </xf>
    <xf numFmtId="0" fontId="9" fillId="9" borderId="0" applyNumberFormat="0" applyBorder="0" applyAlignment="0" applyProtection="0">
      <alignment vertical="center"/>
    </xf>
    <xf numFmtId="0" fontId="9" fillId="10" borderId="0" applyNumberFormat="0" applyBorder="0" applyAlignment="0" applyProtection="0">
      <alignment vertical="center"/>
    </xf>
    <xf numFmtId="0" fontId="9" fillId="11" borderId="0" applyNumberFormat="0" applyBorder="0" applyAlignment="0" applyProtection="0">
      <alignment vertical="center"/>
    </xf>
    <xf numFmtId="0" fontId="9" fillId="12" borderId="0" applyNumberFormat="0" applyBorder="0" applyAlignment="0" applyProtection="0">
      <alignment vertical="center"/>
    </xf>
    <xf numFmtId="0" fontId="9" fillId="13" borderId="0" applyNumberFormat="0" applyBorder="0" applyAlignment="0" applyProtection="0">
      <alignment vertical="center"/>
    </xf>
    <xf numFmtId="0" fontId="9" fillId="14" borderId="0" applyNumberFormat="0" applyBorder="0" applyAlignment="0" applyProtection="0">
      <alignment vertical="center"/>
    </xf>
    <xf numFmtId="0" fontId="9" fillId="15" borderId="0" applyNumberFormat="0" applyBorder="0" applyAlignment="0" applyProtection="0">
      <alignment vertical="center"/>
    </xf>
    <xf numFmtId="0" fontId="10" fillId="16" borderId="0" applyNumberFormat="0" applyBorder="0" applyAlignment="0" applyProtection="0">
      <alignment vertical="center"/>
    </xf>
    <xf numFmtId="0" fontId="10" fillId="17" borderId="0" applyNumberFormat="0" applyBorder="0" applyAlignment="0" applyProtection="0">
      <alignment vertical="center"/>
    </xf>
    <xf numFmtId="0" fontId="10" fillId="18" borderId="0" applyNumberFormat="0" applyBorder="0" applyAlignment="0" applyProtection="0">
      <alignment vertical="center"/>
    </xf>
    <xf numFmtId="0" fontId="10" fillId="19" borderId="0" applyNumberFormat="0" applyBorder="0" applyAlignment="0" applyProtection="0">
      <alignment vertical="center"/>
    </xf>
    <xf numFmtId="0" fontId="10" fillId="20" borderId="0" applyNumberFormat="0" applyBorder="0" applyAlignment="0" applyProtection="0">
      <alignment vertical="center"/>
    </xf>
    <xf numFmtId="0" fontId="10" fillId="21" borderId="0" applyNumberFormat="0" applyBorder="0" applyAlignment="0" applyProtection="0">
      <alignment vertical="center"/>
    </xf>
    <xf numFmtId="0" fontId="10" fillId="22" borderId="0" applyNumberFormat="0" applyBorder="0" applyAlignment="0" applyProtection="0">
      <alignment vertical="center"/>
    </xf>
    <xf numFmtId="0" fontId="10" fillId="23" borderId="0" applyNumberFormat="0" applyBorder="0" applyAlignment="0" applyProtection="0">
      <alignment vertical="center"/>
    </xf>
    <xf numFmtId="0" fontId="10" fillId="24" borderId="0" applyNumberFormat="0" applyBorder="0" applyAlignment="0" applyProtection="0">
      <alignment vertical="center"/>
    </xf>
    <xf numFmtId="0" fontId="10" fillId="25" borderId="0" applyNumberFormat="0" applyBorder="0" applyAlignment="0" applyProtection="0">
      <alignment vertical="center"/>
    </xf>
    <xf numFmtId="0" fontId="10" fillId="26" borderId="0" applyNumberFormat="0" applyBorder="0" applyAlignment="0" applyProtection="0">
      <alignment vertical="center"/>
    </xf>
    <xf numFmtId="0" fontId="10" fillId="27" borderId="0" applyNumberFormat="0" applyBorder="0" applyAlignment="0" applyProtection="0">
      <alignment vertical="center"/>
    </xf>
    <xf numFmtId="0" fontId="11" fillId="0" borderId="0" applyNumberFormat="0" applyFill="0" applyBorder="0" applyAlignment="0" applyProtection="0">
      <alignment vertical="center"/>
    </xf>
    <xf numFmtId="0" fontId="12" fillId="28" borderId="70" applyNumberFormat="0" applyAlignment="0" applyProtection="0">
      <alignment vertical="center"/>
    </xf>
    <xf numFmtId="0" fontId="13" fillId="29" borderId="0" applyNumberFormat="0" applyBorder="0" applyAlignment="0" applyProtection="0">
      <alignment vertical="center"/>
    </xf>
    <xf numFmtId="0" fontId="8" fillId="3" borderId="71" applyNumberFormat="0" applyFont="0" applyAlignment="0" applyProtection="0">
      <alignment vertical="center"/>
    </xf>
    <xf numFmtId="0" fontId="14" fillId="0" borderId="69" applyNumberFormat="0" applyFill="0" applyAlignment="0" applyProtection="0">
      <alignment vertical="center"/>
    </xf>
    <xf numFmtId="0" fontId="15" fillId="30" borderId="0" applyNumberFormat="0" applyBorder="0" applyAlignment="0" applyProtection="0">
      <alignment vertical="center"/>
    </xf>
    <xf numFmtId="0" fontId="16" fillId="31" borderId="67" applyNumberFormat="0" applyAlignment="0" applyProtection="0">
      <alignment vertical="center"/>
    </xf>
    <xf numFmtId="0" fontId="17" fillId="0" borderId="0" applyNumberFormat="0" applyFill="0" applyBorder="0" applyAlignment="0" applyProtection="0">
      <alignment vertical="center"/>
    </xf>
    <xf numFmtId="0" fontId="18" fillId="0" borderId="65" applyNumberFormat="0" applyFill="0" applyAlignment="0" applyProtection="0">
      <alignment vertical="center"/>
    </xf>
    <xf numFmtId="0" fontId="19" fillId="0" borderId="73" applyNumberFormat="0" applyFill="0" applyAlignment="0" applyProtection="0">
      <alignment vertical="center"/>
    </xf>
    <xf numFmtId="0" fontId="20" fillId="0" borderId="66" applyNumberFormat="0" applyFill="0" applyAlignment="0" applyProtection="0">
      <alignment vertical="center"/>
    </xf>
    <xf numFmtId="0" fontId="20" fillId="0" borderId="0" applyNumberFormat="0" applyFill="0" applyBorder="0" applyAlignment="0" applyProtection="0">
      <alignment vertical="center"/>
    </xf>
    <xf numFmtId="0" fontId="21" fillId="0" borderId="72" applyNumberFormat="0" applyFill="0" applyAlignment="0" applyProtection="0">
      <alignment vertical="center"/>
    </xf>
    <xf numFmtId="0" fontId="22" fillId="31" borderId="68" applyNumberFormat="0" applyAlignment="0" applyProtection="0">
      <alignment vertical="center"/>
    </xf>
    <xf numFmtId="0" fontId="23" fillId="0" borderId="0" applyNumberFormat="0" applyFill="0" applyBorder="0" applyAlignment="0" applyProtection="0">
      <alignment vertical="center"/>
    </xf>
    <xf numFmtId="0" fontId="24" fillId="2" borderId="67" applyNumberFormat="0" applyAlignment="0" applyProtection="0">
      <alignment vertical="center"/>
    </xf>
    <xf numFmtId="0" fontId="25" fillId="32" borderId="0" applyNumberFormat="0" applyBorder="0" applyAlignment="0" applyProtection="0">
      <alignment vertical="center"/>
    </xf>
    <xf numFmtId="0" fontId="1" fillId="0" borderId="0">
      <alignment vertical="center"/>
    </xf>
    <xf numFmtId="0" fontId="31" fillId="0" borderId="0">
      <alignment vertical="center"/>
    </xf>
  </cellStyleXfs>
  <cellXfs count="356">
    <xf numFmtId="0" fontId="0" fillId="0" borderId="0" xfId="0">
      <alignment vertical="center"/>
    </xf>
    <xf numFmtId="0" fontId="3" fillId="0" borderId="0" xfId="0" applyFont="1">
      <alignment vertical="center"/>
    </xf>
    <xf numFmtId="0" fontId="3" fillId="0" borderId="0" xfId="0" applyFont="1" applyFill="1" applyAlignment="1">
      <alignment horizontal="left" vertical="center"/>
    </xf>
    <xf numFmtId="0" fontId="0" fillId="0" borderId="0" xfId="0" applyFont="1" applyFill="1">
      <alignment vertical="center"/>
    </xf>
    <xf numFmtId="0" fontId="3" fillId="0" borderId="0" xfId="0" applyFont="1" applyFill="1">
      <alignment vertical="center"/>
    </xf>
    <xf numFmtId="0" fontId="5" fillId="0" borderId="0" xfId="0" applyFont="1" applyFill="1">
      <alignment vertical="center"/>
    </xf>
    <xf numFmtId="0" fontId="6" fillId="0" borderId="0" xfId="0" applyFont="1" applyFill="1">
      <alignment vertical="center"/>
    </xf>
    <xf numFmtId="0" fontId="5" fillId="0" borderId="0" xfId="0" applyFont="1">
      <alignment vertical="center"/>
    </xf>
    <xf numFmtId="0" fontId="0" fillId="0" borderId="0" xfId="0" applyFont="1">
      <alignment vertical="center"/>
    </xf>
    <xf numFmtId="0" fontId="5" fillId="0" borderId="0" xfId="0" applyFont="1" applyAlignment="1">
      <alignment vertical="center" wrapText="1"/>
    </xf>
    <xf numFmtId="0" fontId="5" fillId="0" borderId="0" xfId="0" applyFont="1" applyAlignment="1">
      <alignment horizontal="center" vertical="center"/>
    </xf>
    <xf numFmtId="0" fontId="5" fillId="0" borderId="0" xfId="0" applyFont="1" applyAlignment="1">
      <alignment horizontal="left" vertical="center" shrinkToFit="1"/>
    </xf>
    <xf numFmtId="0" fontId="5" fillId="0" borderId="0" xfId="0" applyFont="1" applyAlignment="1">
      <alignment horizontal="left" vertical="center" wrapText="1"/>
    </xf>
    <xf numFmtId="0" fontId="5" fillId="0" borderId="0" xfId="0" applyFont="1" applyAlignment="1">
      <alignment horizontal="left" vertical="top" wrapText="1"/>
    </xf>
    <xf numFmtId="0" fontId="6" fillId="0" borderId="0" xfId="0" applyFont="1" applyAlignment="1">
      <alignment vertical="center"/>
    </xf>
    <xf numFmtId="0" fontId="6" fillId="0" borderId="0" xfId="0" applyFont="1">
      <alignment vertical="center"/>
    </xf>
    <xf numFmtId="0" fontId="26" fillId="0" borderId="0" xfId="0" applyFont="1" applyFill="1">
      <alignment vertical="center"/>
    </xf>
    <xf numFmtId="0" fontId="5" fillId="33" borderId="1" xfId="0" applyFont="1" applyFill="1" applyBorder="1" applyAlignment="1">
      <alignment horizontal="left" vertical="top" wrapText="1"/>
    </xf>
    <xf numFmtId="0" fontId="5" fillId="33" borderId="2" xfId="0" applyFont="1" applyFill="1" applyBorder="1" applyAlignment="1">
      <alignment horizontal="center" vertical="center"/>
    </xf>
    <xf numFmtId="0" fontId="5" fillId="33" borderId="3" xfId="0" applyFont="1" applyFill="1" applyBorder="1" applyAlignment="1">
      <alignment horizontal="left" vertical="center"/>
    </xf>
    <xf numFmtId="0" fontId="5" fillId="33" borderId="1" xfId="0" applyFont="1" applyFill="1" applyBorder="1" applyAlignment="1">
      <alignment horizontal="left" vertical="center" wrapText="1"/>
    </xf>
    <xf numFmtId="0" fontId="5" fillId="33" borderId="17" xfId="0" applyFont="1" applyFill="1" applyBorder="1" applyAlignment="1">
      <alignment vertical="center" wrapText="1"/>
    </xf>
    <xf numFmtId="0" fontId="5" fillId="33" borderId="18" xfId="0" applyFont="1" applyFill="1" applyBorder="1" applyAlignment="1">
      <alignment vertical="center" wrapText="1"/>
    </xf>
    <xf numFmtId="0" fontId="5" fillId="33" borderId="14" xfId="0" applyFont="1" applyFill="1" applyBorder="1" applyAlignment="1">
      <alignment vertical="center" wrapText="1"/>
    </xf>
    <xf numFmtId="0" fontId="5" fillId="33" borderId="13" xfId="0" applyFont="1" applyFill="1" applyBorder="1" applyAlignment="1">
      <alignment horizontal="left" vertical="top" wrapText="1"/>
    </xf>
    <xf numFmtId="0" fontId="5" fillId="33" borderId="15" xfId="0" applyFont="1" applyFill="1" applyBorder="1" applyAlignment="1">
      <alignment horizontal="center" vertical="center"/>
    </xf>
    <xf numFmtId="0" fontId="5" fillId="33" borderId="16" xfId="0" applyFont="1" applyFill="1" applyBorder="1" applyAlignment="1">
      <alignment horizontal="left" vertical="center"/>
    </xf>
    <xf numFmtId="0" fontId="5" fillId="33" borderId="13" xfId="0" applyFont="1" applyFill="1" applyBorder="1" applyAlignment="1">
      <alignment horizontal="left" vertical="center" wrapText="1"/>
    </xf>
    <xf numFmtId="49" fontId="5" fillId="33" borderId="1" xfId="0" applyNumberFormat="1" applyFont="1" applyFill="1" applyBorder="1" applyAlignment="1">
      <alignment horizontal="left" vertical="top" wrapText="1"/>
    </xf>
    <xf numFmtId="49" fontId="5" fillId="33" borderId="13" xfId="0" applyNumberFormat="1" applyFont="1" applyFill="1" applyBorder="1" applyAlignment="1">
      <alignment horizontal="left" vertical="top" wrapText="1"/>
    </xf>
    <xf numFmtId="0" fontId="5" fillId="33" borderId="20" xfId="0" applyFont="1" applyFill="1" applyBorder="1" applyAlignment="1">
      <alignment horizontal="left" vertical="top" wrapText="1"/>
    </xf>
    <xf numFmtId="0" fontId="5" fillId="33" borderId="17" xfId="0" applyFont="1" applyFill="1" applyBorder="1" applyAlignment="1">
      <alignment horizontal="left" vertical="top" wrapText="1" shrinkToFit="1"/>
    </xf>
    <xf numFmtId="0" fontId="5" fillId="33" borderId="5" xfId="0" applyFont="1" applyFill="1" applyBorder="1" applyAlignment="1">
      <alignment horizontal="center" vertical="center" wrapText="1"/>
    </xf>
    <xf numFmtId="0" fontId="5" fillId="33" borderId="6" xfId="0" applyFont="1" applyFill="1" applyBorder="1" applyAlignment="1">
      <alignment horizontal="left" vertical="center" shrinkToFit="1"/>
    </xf>
    <xf numFmtId="0" fontId="5" fillId="33" borderId="18" xfId="0" applyFont="1" applyFill="1" applyBorder="1" applyAlignment="1">
      <alignment horizontal="left" vertical="top" wrapText="1" shrinkToFit="1"/>
    </xf>
    <xf numFmtId="0" fontId="5" fillId="33" borderId="8" xfId="0" applyFont="1" applyFill="1" applyBorder="1" applyAlignment="1">
      <alignment horizontal="center" vertical="center" wrapText="1"/>
    </xf>
    <xf numFmtId="0" fontId="5" fillId="33" borderId="9" xfId="0" applyFont="1" applyFill="1" applyBorder="1" applyAlignment="1">
      <alignment horizontal="left" vertical="center" shrinkToFit="1"/>
    </xf>
    <xf numFmtId="0" fontId="5" fillId="33" borderId="24" xfId="0" applyFont="1" applyFill="1" applyBorder="1" applyAlignment="1">
      <alignment horizontal="left" vertical="top" wrapText="1" shrinkToFit="1"/>
    </xf>
    <xf numFmtId="0" fontId="5" fillId="33" borderId="11" xfId="0" applyFont="1" applyFill="1" applyBorder="1" applyAlignment="1">
      <alignment horizontal="center" vertical="center" wrapText="1"/>
    </xf>
    <xf numFmtId="0" fontId="5" fillId="33" borderId="12" xfId="0" applyFont="1" applyFill="1" applyBorder="1" applyAlignment="1">
      <alignment horizontal="left" vertical="center" shrinkToFit="1"/>
    </xf>
    <xf numFmtId="0" fontId="5" fillId="33" borderId="24" xfId="0" applyFont="1" applyFill="1" applyBorder="1" applyAlignment="1">
      <alignment vertical="center" wrapText="1"/>
    </xf>
    <xf numFmtId="0" fontId="5" fillId="33" borderId="4" xfId="0" applyFont="1" applyFill="1" applyBorder="1" applyAlignment="1">
      <alignment horizontal="left" vertical="top" wrapText="1"/>
    </xf>
    <xf numFmtId="0" fontId="5" fillId="33" borderId="5" xfId="0" applyFont="1" applyFill="1" applyBorder="1" applyAlignment="1">
      <alignment horizontal="center" vertical="center"/>
    </xf>
    <xf numFmtId="0" fontId="5" fillId="33" borderId="6" xfId="0" applyFont="1" applyFill="1" applyBorder="1" applyAlignment="1">
      <alignment horizontal="left" vertical="center"/>
    </xf>
    <xf numFmtId="0" fontId="5" fillId="33" borderId="6" xfId="0" applyFont="1" applyFill="1" applyBorder="1" applyAlignment="1">
      <alignment horizontal="left" vertical="center" wrapText="1"/>
    </xf>
    <xf numFmtId="0" fontId="5" fillId="33" borderId="7" xfId="0" applyFont="1" applyFill="1" applyBorder="1" applyAlignment="1">
      <alignment horizontal="left" vertical="top" wrapText="1"/>
    </xf>
    <xf numFmtId="0" fontId="5" fillId="33" borderId="8" xfId="0" applyFont="1" applyFill="1" applyBorder="1" applyAlignment="1">
      <alignment horizontal="center" vertical="center"/>
    </xf>
    <xf numFmtId="0" fontId="5" fillId="33" borderId="9" xfId="0" applyFont="1" applyFill="1" applyBorder="1" applyAlignment="1">
      <alignment horizontal="left" vertical="center"/>
    </xf>
    <xf numFmtId="0" fontId="5" fillId="33" borderId="9" xfId="0" applyFont="1" applyFill="1" applyBorder="1" applyAlignment="1">
      <alignment horizontal="left" vertical="center" wrapText="1"/>
    </xf>
    <xf numFmtId="0" fontId="5" fillId="33" borderId="10" xfId="0" applyFont="1" applyFill="1" applyBorder="1" applyAlignment="1">
      <alignment horizontal="left" vertical="top" wrapText="1"/>
    </xf>
    <xf numFmtId="0" fontId="5" fillId="33" borderId="11" xfId="0" applyFont="1" applyFill="1" applyBorder="1" applyAlignment="1">
      <alignment horizontal="center" vertical="center"/>
    </xf>
    <xf numFmtId="0" fontId="5" fillId="33" borderId="12" xfId="0" applyFont="1" applyFill="1" applyBorder="1" applyAlignment="1">
      <alignment horizontal="left" vertical="center"/>
    </xf>
    <xf numFmtId="0" fontId="5" fillId="33" borderId="12" xfId="0" applyFont="1" applyFill="1" applyBorder="1" applyAlignment="1">
      <alignment horizontal="left" vertical="center" wrapText="1"/>
    </xf>
    <xf numFmtId="0" fontId="5" fillId="33" borderId="19" xfId="0" applyFont="1" applyFill="1" applyBorder="1" applyAlignment="1">
      <alignment horizontal="left" vertical="top" wrapText="1"/>
    </xf>
    <xf numFmtId="0" fontId="5" fillId="33" borderId="3" xfId="0" applyFont="1" applyFill="1" applyBorder="1" applyAlignment="1">
      <alignment horizontal="left" vertical="center" wrapText="1"/>
    </xf>
    <xf numFmtId="0" fontId="5" fillId="33" borderId="21" xfId="0" applyFont="1" applyFill="1" applyBorder="1" applyAlignment="1">
      <alignment horizontal="left" vertical="top" wrapText="1"/>
    </xf>
    <xf numFmtId="0" fontId="5" fillId="33" borderId="16" xfId="0" applyFont="1" applyFill="1" applyBorder="1" applyAlignment="1">
      <alignment horizontal="left" vertical="center" wrapText="1"/>
    </xf>
    <xf numFmtId="0" fontId="5" fillId="33" borderId="17" xfId="0" applyFont="1" applyFill="1" applyBorder="1" applyAlignment="1">
      <alignment horizontal="left" vertical="top" wrapText="1"/>
    </xf>
    <xf numFmtId="0" fontId="5" fillId="33" borderId="37" xfId="0" applyFont="1" applyFill="1" applyBorder="1" applyAlignment="1">
      <alignment horizontal="left" vertical="center" wrapText="1"/>
    </xf>
    <xf numFmtId="0" fontId="5" fillId="33" borderId="47" xfId="0" applyFont="1" applyFill="1" applyBorder="1" applyAlignment="1">
      <alignment horizontal="center" vertical="center"/>
    </xf>
    <xf numFmtId="0" fontId="5" fillId="33" borderId="35" xfId="0" applyFont="1" applyFill="1" applyBorder="1" applyAlignment="1">
      <alignment horizontal="left" vertical="center"/>
    </xf>
    <xf numFmtId="0" fontId="7" fillId="33" borderId="58" xfId="0" applyFont="1" applyFill="1" applyBorder="1" applyAlignment="1">
      <alignment horizontal="left" vertical="center" wrapText="1"/>
    </xf>
    <xf numFmtId="0" fontId="5" fillId="33" borderId="18" xfId="0" applyFont="1" applyFill="1" applyBorder="1" applyAlignment="1">
      <alignment horizontal="left" vertical="top" wrapText="1"/>
    </xf>
    <xf numFmtId="0" fontId="5" fillId="33" borderId="55" xfId="0" applyFont="1" applyFill="1" applyBorder="1" applyAlignment="1">
      <alignment horizontal="left" vertical="center" wrapText="1"/>
    </xf>
    <xf numFmtId="0" fontId="5" fillId="33" borderId="24" xfId="0" applyFont="1" applyFill="1" applyBorder="1" applyAlignment="1">
      <alignment horizontal="left" vertical="top" wrapText="1"/>
    </xf>
    <xf numFmtId="0" fontId="5" fillId="33" borderId="0" xfId="0" applyFont="1" applyFill="1" applyBorder="1" applyAlignment="1">
      <alignment horizontal="left" vertical="top" wrapText="1"/>
    </xf>
    <xf numFmtId="0" fontId="5" fillId="33" borderId="22" xfId="0" applyFont="1" applyFill="1" applyBorder="1" applyAlignment="1">
      <alignment horizontal="center" vertical="center"/>
    </xf>
    <xf numFmtId="0" fontId="5" fillId="33" borderId="23" xfId="0" applyFont="1" applyFill="1" applyBorder="1" applyAlignment="1">
      <alignment horizontal="left" vertical="center"/>
    </xf>
    <xf numFmtId="0" fontId="5" fillId="33" borderId="23" xfId="0" applyFont="1" applyFill="1" applyBorder="1" applyAlignment="1">
      <alignment horizontal="left" vertical="center" wrapText="1"/>
    </xf>
    <xf numFmtId="0" fontId="5" fillId="33" borderId="44" xfId="0" applyFont="1" applyFill="1" applyBorder="1" applyAlignment="1">
      <alignment horizontal="left" vertical="top" wrapText="1"/>
    </xf>
    <xf numFmtId="0" fontId="5" fillId="33" borderId="40" xfId="0" applyFont="1" applyFill="1" applyBorder="1" applyAlignment="1">
      <alignment horizontal="center" vertical="center"/>
    </xf>
    <xf numFmtId="0" fontId="5" fillId="33" borderId="41" xfId="0" applyFont="1" applyFill="1" applyBorder="1" applyAlignment="1">
      <alignment horizontal="left" vertical="center"/>
    </xf>
    <xf numFmtId="0" fontId="5" fillId="33" borderId="59" xfId="0" applyFont="1" applyFill="1" applyBorder="1" applyAlignment="1">
      <alignment horizontal="left" vertical="top" wrapText="1"/>
    </xf>
    <xf numFmtId="0" fontId="5" fillId="33" borderId="50" xfId="0" applyFont="1" applyFill="1" applyBorder="1" applyAlignment="1">
      <alignment horizontal="left" vertical="center"/>
    </xf>
    <xf numFmtId="0" fontId="5" fillId="33" borderId="48" xfId="0" applyFont="1" applyFill="1" applyBorder="1" applyAlignment="1">
      <alignment horizontal="left" vertical="center"/>
    </xf>
    <xf numFmtId="0" fontId="5" fillId="33" borderId="46" xfId="0" applyFont="1" applyFill="1" applyBorder="1" applyAlignment="1">
      <alignment horizontal="center" vertical="center"/>
    </xf>
    <xf numFmtId="0" fontId="5" fillId="33" borderId="18" xfId="0" applyFont="1" applyFill="1" applyBorder="1" applyAlignment="1">
      <alignment horizontal="left" vertical="center" wrapText="1"/>
    </xf>
    <xf numFmtId="0" fontId="5" fillId="33" borderId="33" xfId="0" applyFont="1" applyFill="1" applyBorder="1" applyAlignment="1">
      <alignment horizontal="left" vertical="top" wrapText="1"/>
    </xf>
    <xf numFmtId="0" fontId="5" fillId="33" borderId="36" xfId="0" applyFont="1" applyFill="1" applyBorder="1" applyAlignment="1">
      <alignment horizontal="left" vertical="center" shrinkToFit="1"/>
    </xf>
    <xf numFmtId="0" fontId="5" fillId="33" borderId="54" xfId="0" applyFont="1" applyFill="1" applyBorder="1" applyAlignment="1">
      <alignment horizontal="left" vertical="top" wrapText="1"/>
    </xf>
    <xf numFmtId="0" fontId="5" fillId="33" borderId="52" xfId="0" applyFont="1" applyFill="1" applyBorder="1" applyAlignment="1">
      <alignment horizontal="left" vertical="top" wrapText="1"/>
    </xf>
    <xf numFmtId="0" fontId="5" fillId="33" borderId="35" xfId="0" applyFont="1" applyFill="1" applyBorder="1" applyAlignment="1">
      <alignment horizontal="left" vertical="center" shrinkToFit="1"/>
    </xf>
    <xf numFmtId="0" fontId="5" fillId="33" borderId="9" xfId="0" applyFont="1" applyFill="1" applyBorder="1" applyAlignment="1">
      <alignment horizontal="left" vertical="top" wrapText="1"/>
    </xf>
    <xf numFmtId="0" fontId="5" fillId="33" borderId="82" xfId="0" applyFont="1" applyFill="1" applyBorder="1" applyAlignment="1">
      <alignment horizontal="left" vertical="top" wrapText="1"/>
    </xf>
    <xf numFmtId="0" fontId="5" fillId="33" borderId="46" xfId="0" applyFont="1" applyFill="1" applyBorder="1" applyAlignment="1">
      <alignment horizontal="center" vertical="center" wrapText="1"/>
    </xf>
    <xf numFmtId="0" fontId="5" fillId="33" borderId="23" xfId="0" applyFont="1" applyFill="1" applyBorder="1" applyAlignment="1">
      <alignment horizontal="left" vertical="center" shrinkToFit="1"/>
    </xf>
    <xf numFmtId="0" fontId="5" fillId="33" borderId="51" xfId="0" applyFont="1" applyFill="1" applyBorder="1" applyAlignment="1">
      <alignment horizontal="left" vertical="center" wrapText="1"/>
    </xf>
    <xf numFmtId="0" fontId="5" fillId="33" borderId="14" xfId="0" applyFont="1" applyFill="1" applyBorder="1" applyAlignment="1">
      <alignment horizontal="left" vertical="top" wrapText="1"/>
    </xf>
    <xf numFmtId="0" fontId="5" fillId="33" borderId="62" xfId="0" applyFont="1" applyFill="1" applyBorder="1" applyAlignment="1">
      <alignment horizontal="center" vertical="center" wrapText="1"/>
    </xf>
    <xf numFmtId="0" fontId="5" fillId="33" borderId="39" xfId="0" applyFont="1" applyFill="1" applyBorder="1" applyAlignment="1">
      <alignment horizontal="left" vertical="center" wrapText="1" shrinkToFit="1"/>
    </xf>
    <xf numFmtId="0" fontId="5" fillId="33" borderId="83" xfId="0" applyFont="1" applyFill="1" applyBorder="1" applyAlignment="1">
      <alignment horizontal="left" vertical="center" wrapText="1"/>
    </xf>
    <xf numFmtId="0" fontId="7" fillId="33" borderId="63" xfId="0" applyFont="1" applyFill="1" applyBorder="1" applyAlignment="1">
      <alignment horizontal="center" vertical="center" wrapText="1"/>
    </xf>
    <xf numFmtId="0" fontId="7" fillId="33" borderId="64" xfId="0" applyFont="1" applyFill="1" applyBorder="1" applyAlignment="1">
      <alignment horizontal="left" vertical="center" wrapText="1" shrinkToFit="1"/>
    </xf>
    <xf numFmtId="0" fontId="5" fillId="33" borderId="52" xfId="0" applyFont="1" applyFill="1" applyBorder="1" applyAlignment="1">
      <alignment horizontal="left" vertical="center" wrapText="1"/>
    </xf>
    <xf numFmtId="0" fontId="5" fillId="33" borderId="38" xfId="0" applyFont="1" applyFill="1" applyBorder="1" applyAlignment="1">
      <alignment horizontal="left" vertical="top" wrapText="1"/>
    </xf>
    <xf numFmtId="0" fontId="5" fillId="33" borderId="61" xfId="0" applyFont="1" applyFill="1" applyBorder="1" applyAlignment="1">
      <alignment horizontal="center" vertical="center" wrapText="1"/>
    </xf>
    <xf numFmtId="0" fontId="5" fillId="33" borderId="41" xfId="0" applyFont="1" applyFill="1" applyBorder="1" applyAlignment="1">
      <alignment horizontal="left" vertical="center" wrapText="1" shrinkToFit="1"/>
    </xf>
    <xf numFmtId="0" fontId="5" fillId="33" borderId="38" xfId="0" applyFont="1" applyFill="1" applyBorder="1" applyAlignment="1">
      <alignment horizontal="left" vertical="center" wrapText="1"/>
    </xf>
    <xf numFmtId="0" fontId="5" fillId="33" borderId="79" xfId="0" applyFont="1" applyFill="1" applyBorder="1" applyAlignment="1">
      <alignment horizontal="center" vertical="center" wrapText="1"/>
    </xf>
    <xf numFmtId="0" fontId="5" fillId="33" borderId="6" xfId="0" applyFont="1" applyFill="1" applyBorder="1" applyAlignment="1">
      <alignment horizontal="left" vertical="center" wrapText="1" shrinkToFit="1"/>
    </xf>
    <xf numFmtId="0" fontId="5" fillId="33" borderId="56" xfId="0" applyFont="1" applyFill="1" applyBorder="1" applyAlignment="1">
      <alignment horizontal="left" vertical="top" wrapText="1"/>
    </xf>
    <xf numFmtId="0" fontId="5" fillId="33" borderId="47" xfId="0" applyFont="1" applyFill="1" applyBorder="1" applyAlignment="1">
      <alignment horizontal="center" vertical="center" wrapText="1"/>
    </xf>
    <xf numFmtId="0" fontId="5" fillId="33" borderId="55" xfId="0" applyFont="1" applyFill="1" applyBorder="1" applyAlignment="1">
      <alignment horizontal="left" vertical="center" wrapText="1" shrinkToFit="1"/>
    </xf>
    <xf numFmtId="0" fontId="5" fillId="33" borderId="9" xfId="0" applyFont="1" applyFill="1" applyBorder="1" applyAlignment="1">
      <alignment horizontal="left" vertical="center" wrapText="1" shrinkToFit="1"/>
    </xf>
    <xf numFmtId="0" fontId="5" fillId="33" borderId="12" xfId="0" applyFont="1" applyFill="1" applyBorder="1" applyAlignment="1">
      <alignment horizontal="left" vertical="center" wrapText="1" shrinkToFit="1"/>
    </xf>
    <xf numFmtId="0" fontId="5" fillId="33" borderId="17" xfId="0" applyFont="1" applyFill="1" applyBorder="1" applyAlignment="1">
      <alignment horizontal="left" vertical="center" wrapText="1"/>
    </xf>
    <xf numFmtId="0" fontId="5" fillId="33" borderId="33" xfId="0" applyFont="1" applyFill="1" applyBorder="1" applyAlignment="1">
      <alignment horizontal="left" vertical="top" wrapText="1" shrinkToFit="1"/>
    </xf>
    <xf numFmtId="0" fontId="5" fillId="33" borderId="42" xfId="0" applyFont="1" applyFill="1" applyBorder="1" applyAlignment="1">
      <alignment horizontal="center" vertical="center" wrapText="1"/>
    </xf>
    <xf numFmtId="0" fontId="5" fillId="33" borderId="43" xfId="0" applyFont="1" applyFill="1" applyBorder="1" applyAlignment="1">
      <alignment horizontal="left" vertical="center" wrapText="1" shrinkToFit="1"/>
    </xf>
    <xf numFmtId="0" fontId="5" fillId="33" borderId="14" xfId="0" applyFont="1" applyFill="1" applyBorder="1" applyAlignment="1">
      <alignment horizontal="left" vertical="center" wrapText="1"/>
    </xf>
    <xf numFmtId="0" fontId="5" fillId="33" borderId="0" xfId="0" applyFont="1" applyFill="1">
      <alignment vertical="center"/>
    </xf>
    <xf numFmtId="0" fontId="7" fillId="33" borderId="17" xfId="0" applyFont="1" applyFill="1" applyBorder="1" applyAlignment="1">
      <alignment vertical="center" wrapText="1"/>
    </xf>
    <xf numFmtId="0" fontId="5" fillId="33" borderId="34" xfId="0" applyFont="1" applyFill="1" applyBorder="1" applyAlignment="1">
      <alignment vertical="center" shrinkToFit="1"/>
    </xf>
    <xf numFmtId="0" fontId="5" fillId="33" borderId="6" xfId="0" applyFont="1" applyFill="1" applyBorder="1" applyAlignment="1">
      <alignment vertical="center" wrapText="1"/>
    </xf>
    <xf numFmtId="0" fontId="5" fillId="33" borderId="12" xfId="0" applyFont="1" applyFill="1" applyBorder="1" applyAlignment="1">
      <alignment vertical="center" wrapText="1"/>
    </xf>
    <xf numFmtId="0" fontId="5" fillId="33" borderId="25" xfId="0" applyFont="1" applyFill="1" applyBorder="1" applyAlignment="1">
      <alignment horizontal="left" vertical="top" wrapText="1" shrinkToFit="1"/>
    </xf>
    <xf numFmtId="0" fontId="5" fillId="33" borderId="26" xfId="0" applyFont="1" applyFill="1" applyBorder="1" applyAlignment="1">
      <alignment horizontal="center" vertical="center" wrapText="1"/>
    </xf>
    <xf numFmtId="0" fontId="5" fillId="33" borderId="27" xfId="0" applyFont="1" applyFill="1" applyBorder="1" applyAlignment="1">
      <alignment horizontal="left" vertical="center" shrinkToFit="1"/>
    </xf>
    <xf numFmtId="0" fontId="5" fillId="33" borderId="28" xfId="0" applyFont="1" applyFill="1" applyBorder="1" applyAlignment="1">
      <alignment vertical="center" wrapText="1"/>
    </xf>
    <xf numFmtId="0" fontId="5" fillId="33" borderId="29" xfId="0" applyFont="1" applyFill="1" applyBorder="1" applyAlignment="1">
      <alignment horizontal="left" vertical="top" wrapText="1" shrinkToFit="1"/>
    </xf>
    <xf numFmtId="0" fontId="5" fillId="33" borderId="30" xfId="0" applyFont="1" applyFill="1" applyBorder="1" applyAlignment="1">
      <alignment horizontal="center" vertical="center" wrapText="1"/>
    </xf>
    <xf numFmtId="0" fontId="5" fillId="33" borderId="31" xfId="0" applyFont="1" applyFill="1" applyBorder="1" applyAlignment="1">
      <alignment horizontal="left" vertical="center" shrinkToFit="1"/>
    </xf>
    <xf numFmtId="0" fontId="5" fillId="33" borderId="32" xfId="0" applyFont="1" applyFill="1" applyBorder="1" applyAlignment="1">
      <alignment vertical="center" wrapText="1"/>
    </xf>
    <xf numFmtId="0" fontId="5" fillId="33" borderId="14" xfId="0" applyFont="1" applyFill="1" applyBorder="1" applyAlignment="1">
      <alignment horizontal="left" vertical="top" wrapText="1" shrinkToFit="1"/>
    </xf>
    <xf numFmtId="0" fontId="5" fillId="33" borderId="22" xfId="0" applyFont="1" applyFill="1" applyBorder="1" applyAlignment="1">
      <alignment horizontal="center" vertical="center" wrapText="1"/>
    </xf>
    <xf numFmtId="0" fontId="5" fillId="33" borderId="33" xfId="0" applyFont="1" applyFill="1" applyBorder="1" applyAlignment="1">
      <alignment vertical="center" wrapText="1"/>
    </xf>
    <xf numFmtId="0" fontId="5" fillId="33" borderId="53" xfId="0" applyFont="1" applyFill="1" applyBorder="1" applyAlignment="1">
      <alignment horizontal="left" vertical="top" wrapText="1"/>
    </xf>
    <xf numFmtId="0" fontId="5" fillId="33" borderId="77" xfId="0" applyFont="1" applyFill="1" applyBorder="1" applyAlignment="1">
      <alignment horizontal="left" vertical="center"/>
    </xf>
    <xf numFmtId="0" fontId="5" fillId="33" borderId="77" xfId="0" applyFont="1" applyFill="1" applyBorder="1" applyAlignment="1">
      <alignment horizontal="left" vertical="center" wrapText="1"/>
    </xf>
    <xf numFmtId="0" fontId="5" fillId="33" borderId="51" xfId="0" applyFont="1" applyFill="1" applyBorder="1" applyAlignment="1">
      <alignment horizontal="left" vertical="top" wrapText="1"/>
    </xf>
    <xf numFmtId="0" fontId="5" fillId="33" borderId="36" xfId="0" applyFont="1" applyFill="1" applyBorder="1" applyAlignment="1">
      <alignment horizontal="left" vertical="center"/>
    </xf>
    <xf numFmtId="0" fontId="5" fillId="33" borderId="24" xfId="0" applyFont="1" applyFill="1" applyBorder="1" applyAlignment="1">
      <alignment horizontal="left" vertical="center" wrapText="1"/>
    </xf>
    <xf numFmtId="0" fontId="5" fillId="33" borderId="33" xfId="0" applyFont="1" applyFill="1" applyBorder="1" applyAlignment="1">
      <alignment horizontal="left" vertical="center" wrapText="1"/>
    </xf>
    <xf numFmtId="0" fontId="5" fillId="33" borderId="17" xfId="0" applyFont="1" applyFill="1" applyBorder="1" applyAlignment="1">
      <alignment vertical="center"/>
    </xf>
    <xf numFmtId="0" fontId="5" fillId="33" borderId="18" xfId="0" applyFont="1" applyFill="1" applyBorder="1" applyAlignment="1">
      <alignment vertical="center"/>
    </xf>
    <xf numFmtId="0" fontId="5" fillId="33" borderId="51" xfId="0" applyFont="1" applyFill="1" applyBorder="1" applyAlignment="1">
      <alignment vertical="center"/>
    </xf>
    <xf numFmtId="0" fontId="5" fillId="33" borderId="56" xfId="0" applyFont="1" applyFill="1" applyBorder="1" applyAlignment="1">
      <alignment vertical="center"/>
    </xf>
    <xf numFmtId="0" fontId="5" fillId="33" borderId="24" xfId="0" applyFont="1" applyFill="1" applyBorder="1" applyAlignment="1">
      <alignment vertical="center"/>
    </xf>
    <xf numFmtId="0" fontId="5" fillId="33" borderId="14" xfId="0" applyFont="1" applyFill="1" applyBorder="1" applyAlignment="1">
      <alignment vertical="center"/>
    </xf>
    <xf numFmtId="0" fontId="5" fillId="33" borderId="57" xfId="0" applyFont="1" applyFill="1" applyBorder="1" applyAlignment="1">
      <alignment horizontal="center" vertical="center"/>
    </xf>
    <xf numFmtId="0" fontId="5" fillId="33" borderId="35" xfId="0" applyFont="1" applyFill="1" applyBorder="1" applyAlignment="1">
      <alignment vertical="center" shrinkToFit="1"/>
    </xf>
    <xf numFmtId="0" fontId="5" fillId="33" borderId="7" xfId="0" applyFont="1" applyFill="1" applyBorder="1" applyAlignment="1">
      <alignment horizontal="center" vertical="center"/>
    </xf>
    <xf numFmtId="0" fontId="5" fillId="33" borderId="75" xfId="0" applyFont="1" applyFill="1" applyBorder="1" applyAlignment="1">
      <alignment horizontal="center" vertical="center"/>
    </xf>
    <xf numFmtId="0" fontId="5" fillId="33" borderId="60" xfId="0" applyFont="1" applyFill="1" applyBorder="1" applyAlignment="1">
      <alignment vertical="center" shrinkToFit="1"/>
    </xf>
    <xf numFmtId="0" fontId="5" fillId="33" borderId="74" xfId="0" applyFont="1" applyFill="1" applyBorder="1" applyAlignment="1">
      <alignment vertical="center" shrinkToFit="1"/>
    </xf>
    <xf numFmtId="0" fontId="5" fillId="33" borderId="12" xfId="0" applyFont="1" applyFill="1" applyBorder="1" applyAlignment="1">
      <alignment vertical="center" shrinkToFit="1"/>
    </xf>
    <xf numFmtId="0" fontId="5" fillId="33" borderId="76" xfId="0" applyFont="1" applyFill="1" applyBorder="1" applyAlignment="1">
      <alignment horizontal="left" vertical="top" wrapText="1"/>
    </xf>
    <xf numFmtId="0" fontId="5" fillId="33" borderId="78" xfId="0" applyFont="1" applyFill="1" applyBorder="1" applyAlignment="1">
      <alignment horizontal="left" vertical="top" wrapText="1"/>
    </xf>
    <xf numFmtId="0" fontId="5" fillId="33" borderId="42" xfId="0" applyFont="1" applyFill="1" applyBorder="1" applyAlignment="1">
      <alignment horizontal="center" vertical="center"/>
    </xf>
    <xf numFmtId="0" fontId="5" fillId="33" borderId="43" xfId="0" applyFont="1" applyFill="1" applyBorder="1" applyAlignment="1">
      <alignment horizontal="left" vertical="center"/>
    </xf>
    <xf numFmtId="0" fontId="5" fillId="33" borderId="43" xfId="0" applyFont="1" applyFill="1" applyBorder="1" applyAlignment="1">
      <alignment horizontal="left" vertical="center" wrapText="1"/>
    </xf>
    <xf numFmtId="0" fontId="5" fillId="33" borderId="74" xfId="0" applyFont="1" applyFill="1" applyBorder="1" applyAlignment="1">
      <alignment horizontal="left" vertical="top" wrapText="1"/>
    </xf>
    <xf numFmtId="0" fontId="5" fillId="33" borderId="55" xfId="0" applyFont="1" applyFill="1" applyBorder="1" applyAlignment="1">
      <alignment horizontal="left" vertical="center" shrinkToFit="1"/>
    </xf>
    <xf numFmtId="0" fontId="5" fillId="33" borderId="56" xfId="0" applyFont="1" applyFill="1" applyBorder="1" applyAlignment="1">
      <alignment vertical="center" wrapText="1"/>
    </xf>
    <xf numFmtId="0" fontId="5" fillId="33" borderId="80" xfId="0" applyFont="1" applyFill="1" applyBorder="1" applyAlignment="1">
      <alignment horizontal="left" vertical="top" wrapText="1"/>
    </xf>
    <xf numFmtId="0" fontId="5" fillId="33" borderId="23" xfId="0" applyFont="1" applyFill="1" applyBorder="1" applyAlignment="1">
      <alignment vertical="center" wrapText="1"/>
    </xf>
    <xf numFmtId="0" fontId="5" fillId="33" borderId="81" xfId="0" applyFont="1" applyFill="1" applyBorder="1" applyAlignment="1">
      <alignment horizontal="left" vertical="center"/>
    </xf>
    <xf numFmtId="0" fontId="5" fillId="33" borderId="45" xfId="0" applyFont="1" applyFill="1" applyBorder="1" applyAlignment="1">
      <alignment horizontal="left" vertical="center"/>
    </xf>
    <xf numFmtId="0" fontId="5" fillId="33" borderId="51" xfId="0" applyFont="1" applyFill="1" applyBorder="1" applyAlignment="1">
      <alignment vertical="center" wrapText="1"/>
    </xf>
    <xf numFmtId="0" fontId="5" fillId="33" borderId="77" xfId="0" applyFont="1" applyFill="1" applyBorder="1" applyAlignment="1">
      <alignment horizontal="left" vertical="center" shrinkToFit="1"/>
    </xf>
    <xf numFmtId="0" fontId="5" fillId="33" borderId="4" xfId="0" applyFont="1" applyFill="1" applyBorder="1" applyAlignment="1">
      <alignment horizontal="left" vertical="top" wrapText="1" shrinkToFit="1"/>
    </xf>
    <xf numFmtId="176" fontId="5" fillId="33" borderId="4" xfId="0" applyNumberFormat="1" applyFont="1" applyFill="1" applyBorder="1" applyAlignment="1">
      <alignment horizontal="center" vertical="center" wrapText="1"/>
    </xf>
    <xf numFmtId="0" fontId="5" fillId="33" borderId="34" xfId="0" applyFont="1" applyFill="1" applyBorder="1" applyAlignment="1">
      <alignment horizontal="left" vertical="center" wrapText="1" shrinkToFit="1"/>
    </xf>
    <xf numFmtId="0" fontId="5" fillId="33" borderId="7" xfId="0" applyFont="1" applyFill="1" applyBorder="1" applyAlignment="1">
      <alignment horizontal="left" vertical="top" wrapText="1" shrinkToFit="1"/>
    </xf>
    <xf numFmtId="176" fontId="5" fillId="33" borderId="7" xfId="0" applyNumberFormat="1" applyFont="1" applyFill="1" applyBorder="1" applyAlignment="1">
      <alignment horizontal="center" vertical="center" wrapText="1"/>
    </xf>
    <xf numFmtId="0" fontId="5" fillId="33" borderId="35" xfId="0" applyFont="1" applyFill="1" applyBorder="1" applyAlignment="1">
      <alignment horizontal="left" vertical="center" wrapText="1" shrinkToFit="1"/>
    </xf>
    <xf numFmtId="0" fontId="5" fillId="33" borderId="53" xfId="0" applyFont="1" applyFill="1" applyBorder="1" applyAlignment="1">
      <alignment horizontal="left" vertical="top" wrapText="1" shrinkToFit="1"/>
    </xf>
    <xf numFmtId="176" fontId="5" fillId="33" borderId="53" xfId="0" applyNumberFormat="1" applyFont="1" applyFill="1" applyBorder="1" applyAlignment="1">
      <alignment horizontal="center" vertical="center" wrapText="1"/>
    </xf>
    <xf numFmtId="0" fontId="5" fillId="33" borderId="48" xfId="0" applyFont="1" applyFill="1" applyBorder="1" applyAlignment="1">
      <alignment horizontal="left" vertical="center" wrapText="1" shrinkToFit="1"/>
    </xf>
    <xf numFmtId="176" fontId="5" fillId="33" borderId="8" xfId="0" applyNumberFormat="1" applyFont="1" applyFill="1" applyBorder="1" applyAlignment="1">
      <alignment horizontal="center" vertical="center" wrapText="1"/>
    </xf>
    <xf numFmtId="0" fontId="5" fillId="33" borderId="74" xfId="0" applyFont="1" applyFill="1" applyBorder="1" applyAlignment="1">
      <alignment horizontal="left" vertical="center" wrapText="1" shrinkToFit="1"/>
    </xf>
    <xf numFmtId="0" fontId="5" fillId="33" borderId="7" xfId="0" applyFont="1" applyFill="1" applyBorder="1" applyAlignment="1">
      <alignment vertical="center" wrapText="1" shrinkToFit="1"/>
    </xf>
    <xf numFmtId="0" fontId="5" fillId="33" borderId="0" xfId="0" applyFont="1" applyFill="1" applyAlignment="1">
      <alignment vertical="center"/>
    </xf>
    <xf numFmtId="0" fontId="5" fillId="33" borderId="1" xfId="0" applyFont="1" applyFill="1" applyBorder="1" applyAlignment="1">
      <alignment horizontal="center" vertical="center" wrapText="1"/>
    </xf>
    <xf numFmtId="0" fontId="5" fillId="33" borderId="1" xfId="0" applyFont="1" applyFill="1" applyBorder="1" applyAlignment="1">
      <alignment vertical="center" wrapText="1"/>
    </xf>
    <xf numFmtId="0" fontId="5" fillId="33" borderId="0" xfId="0" applyFont="1" applyFill="1" applyAlignment="1">
      <alignment horizontal="left" vertical="center"/>
    </xf>
    <xf numFmtId="0" fontId="5" fillId="33" borderId="0" xfId="0" applyFont="1" applyFill="1" applyAlignment="1">
      <alignment vertical="center" wrapText="1"/>
    </xf>
    <xf numFmtId="0" fontId="5" fillId="33" borderId="7" xfId="0" applyFont="1" applyFill="1" applyBorder="1" applyAlignment="1">
      <alignment vertical="top" wrapText="1"/>
    </xf>
    <xf numFmtId="0" fontId="5" fillId="33" borderId="51" xfId="0" applyFont="1" applyFill="1" applyBorder="1" applyAlignment="1">
      <alignment horizontal="left" vertical="top" wrapText="1"/>
    </xf>
    <xf numFmtId="0" fontId="5" fillId="33" borderId="14" xfId="0" applyFont="1" applyFill="1" applyBorder="1" applyAlignment="1">
      <alignment horizontal="left" vertical="top" wrapText="1"/>
    </xf>
    <xf numFmtId="0" fontId="5" fillId="33" borderId="13" xfId="0" applyFont="1" applyFill="1" applyBorder="1" applyAlignment="1">
      <alignment horizontal="left" vertical="top" wrapText="1" shrinkToFit="1"/>
    </xf>
    <xf numFmtId="0" fontId="5" fillId="33" borderId="14" xfId="0" applyFont="1" applyFill="1" applyBorder="1" applyAlignment="1">
      <alignment horizontal="left" vertical="top" wrapText="1" shrinkToFit="1"/>
    </xf>
    <xf numFmtId="0" fontId="5" fillId="33" borderId="13" xfId="0" applyFont="1" applyFill="1" applyBorder="1" applyAlignment="1">
      <alignment horizontal="left" vertical="top" wrapText="1"/>
    </xf>
    <xf numFmtId="0" fontId="5" fillId="33" borderId="33" xfId="0" applyFont="1" applyFill="1" applyBorder="1" applyAlignment="1">
      <alignment horizontal="left" vertical="top" wrapText="1"/>
    </xf>
    <xf numFmtId="0" fontId="5" fillId="33" borderId="46" xfId="0" applyFont="1" applyFill="1" applyBorder="1" applyAlignment="1">
      <alignment horizontal="center" vertical="center"/>
    </xf>
    <xf numFmtId="0" fontId="5" fillId="33" borderId="22" xfId="0" applyFont="1" applyFill="1" applyBorder="1" applyAlignment="1">
      <alignment horizontal="center" vertical="center"/>
    </xf>
    <xf numFmtId="0" fontId="5" fillId="33" borderId="47" xfId="0" applyFont="1" applyFill="1" applyBorder="1" applyAlignment="1">
      <alignment horizontal="center" vertical="center"/>
    </xf>
    <xf numFmtId="0" fontId="5" fillId="33" borderId="48" xfId="0" applyFont="1" applyFill="1" applyBorder="1" applyAlignment="1">
      <alignment horizontal="left" vertical="center" wrapText="1"/>
    </xf>
    <xf numFmtId="0" fontId="5" fillId="33" borderId="45" xfId="0" applyFont="1" applyFill="1" applyBorder="1" applyAlignment="1">
      <alignment horizontal="left" vertical="center" wrapText="1"/>
    </xf>
    <xf numFmtId="0" fontId="5" fillId="33" borderId="49" xfId="0" applyFont="1" applyFill="1" applyBorder="1" applyAlignment="1">
      <alignment horizontal="left" vertical="center" wrapText="1"/>
    </xf>
    <xf numFmtId="0" fontId="5" fillId="33" borderId="42" xfId="0" applyFont="1" applyFill="1" applyBorder="1" applyAlignment="1">
      <alignment horizontal="center" vertical="center"/>
    </xf>
    <xf numFmtId="0" fontId="5" fillId="33" borderId="48" xfId="0" applyFont="1" applyFill="1" applyBorder="1" applyAlignment="1">
      <alignment horizontal="left" vertical="center"/>
    </xf>
    <xf numFmtId="0" fontId="5" fillId="33" borderId="45" xfId="0" applyFont="1" applyFill="1" applyBorder="1" applyAlignment="1">
      <alignment horizontal="left" vertical="center"/>
    </xf>
    <xf numFmtId="0" fontId="5" fillId="33" borderId="60" xfId="0" applyFont="1" applyFill="1" applyBorder="1" applyAlignment="1">
      <alignment horizontal="left" vertical="center"/>
    </xf>
    <xf numFmtId="0" fontId="5" fillId="33" borderId="14" xfId="0" applyFont="1" applyFill="1" applyBorder="1" applyAlignment="1">
      <alignment vertical="top" wrapText="1"/>
    </xf>
    <xf numFmtId="0" fontId="5" fillId="33" borderId="33" xfId="0" applyFont="1" applyFill="1" applyBorder="1" applyAlignment="1">
      <alignment vertical="top" wrapText="1"/>
    </xf>
    <xf numFmtId="0" fontId="5" fillId="33" borderId="17" xfId="0" applyFont="1" applyFill="1" applyBorder="1" applyAlignment="1">
      <alignment horizontal="left" vertical="top" wrapText="1"/>
    </xf>
    <xf numFmtId="0" fontId="5" fillId="33" borderId="56" xfId="0" applyFont="1" applyFill="1" applyBorder="1" applyAlignment="1">
      <alignment horizontal="left" vertical="top" wrapText="1"/>
    </xf>
    <xf numFmtId="0" fontId="5" fillId="33" borderId="18" xfId="0" applyFont="1" applyFill="1" applyBorder="1" applyAlignment="1">
      <alignment horizontal="left" vertical="top" wrapText="1"/>
    </xf>
    <xf numFmtId="0" fontId="5" fillId="33" borderId="24" xfId="0" applyFont="1" applyFill="1" applyBorder="1" applyAlignment="1">
      <alignment horizontal="left" vertical="top" wrapText="1"/>
    </xf>
    <xf numFmtId="49" fontId="5" fillId="33" borderId="13" xfId="0" applyNumberFormat="1" applyFont="1" applyFill="1" applyBorder="1" applyAlignment="1">
      <alignment horizontal="left" vertical="top" wrapText="1"/>
    </xf>
    <xf numFmtId="49" fontId="5" fillId="33" borderId="14" xfId="0" applyNumberFormat="1" applyFont="1" applyFill="1" applyBorder="1" applyAlignment="1">
      <alignment horizontal="left" vertical="top" wrapText="1"/>
    </xf>
    <xf numFmtId="49" fontId="5" fillId="33" borderId="33" xfId="0" applyNumberFormat="1" applyFont="1" applyFill="1" applyBorder="1" applyAlignment="1">
      <alignment horizontal="left" vertical="top" wrapText="1"/>
    </xf>
    <xf numFmtId="0" fontId="5" fillId="33" borderId="33" xfId="0" applyFont="1" applyFill="1" applyBorder="1" applyAlignment="1">
      <alignment horizontal="left" vertical="top" wrapText="1" shrinkToFit="1"/>
    </xf>
    <xf numFmtId="0" fontId="4" fillId="0" borderId="0" xfId="0" applyFont="1" applyAlignment="1">
      <alignment horizontal="center" vertical="center"/>
    </xf>
    <xf numFmtId="0" fontId="5" fillId="33" borderId="1" xfId="0" applyFont="1" applyFill="1" applyBorder="1" applyAlignment="1">
      <alignment horizontal="center" vertical="center"/>
    </xf>
    <xf numFmtId="0" fontId="27" fillId="0" borderId="0" xfId="42" applyFont="1">
      <alignment vertical="center"/>
    </xf>
    <xf numFmtId="0" fontId="28" fillId="0" borderId="0" xfId="42" applyFont="1">
      <alignment vertical="center"/>
    </xf>
    <xf numFmtId="0" fontId="29" fillId="33" borderId="1" xfId="42" applyFont="1" applyFill="1" applyBorder="1" applyAlignment="1">
      <alignment vertical="top" wrapText="1"/>
    </xf>
    <xf numFmtId="0" fontId="29" fillId="33" borderId="84" xfId="42" applyFont="1" applyFill="1" applyBorder="1" applyAlignment="1">
      <alignment horizontal="center" vertical="center" wrapText="1"/>
    </xf>
    <xf numFmtId="0" fontId="29" fillId="33" borderId="2" xfId="42" applyFont="1" applyFill="1" applyBorder="1" applyAlignment="1">
      <alignment horizontal="center" vertical="center" wrapText="1"/>
    </xf>
    <xf numFmtId="0" fontId="29" fillId="33" borderId="1" xfId="42" applyFont="1" applyFill="1" applyBorder="1" applyAlignment="1">
      <alignment horizontal="left" vertical="top" wrapText="1"/>
    </xf>
    <xf numFmtId="0" fontId="29" fillId="33" borderId="84" xfId="42" applyFont="1" applyFill="1" applyBorder="1">
      <alignment vertical="center"/>
    </xf>
    <xf numFmtId="0" fontId="29" fillId="33" borderId="2" xfId="42" applyFont="1" applyFill="1" applyBorder="1">
      <alignment vertical="center"/>
    </xf>
    <xf numFmtId="0" fontId="30" fillId="33" borderId="1" xfId="42" applyFont="1" applyFill="1" applyBorder="1">
      <alignment vertical="center"/>
    </xf>
    <xf numFmtId="0" fontId="29" fillId="33" borderId="33" xfId="42" applyFont="1" applyFill="1" applyBorder="1" applyAlignment="1">
      <alignment vertical="center" wrapText="1"/>
    </xf>
    <xf numFmtId="0" fontId="29" fillId="33" borderId="36" xfId="42" applyFont="1" applyFill="1" applyBorder="1" applyAlignment="1">
      <alignment horizontal="center" vertical="center" wrapText="1"/>
    </xf>
    <xf numFmtId="0" fontId="29" fillId="33" borderId="11" xfId="42" applyFont="1" applyFill="1" applyBorder="1" applyAlignment="1">
      <alignment horizontal="center" vertical="center" wrapText="1"/>
    </xf>
    <xf numFmtId="0" fontId="29" fillId="33" borderId="24" xfId="42" applyFont="1" applyFill="1" applyBorder="1" applyAlignment="1">
      <alignment vertical="center" wrapText="1"/>
    </xf>
    <xf numFmtId="0" fontId="29" fillId="33" borderId="14" xfId="42" applyFont="1" applyFill="1" applyBorder="1" applyAlignment="1">
      <alignment vertical="center" wrapText="1"/>
    </xf>
    <xf numFmtId="0" fontId="29" fillId="33" borderId="23" xfId="42" applyFont="1" applyFill="1" applyBorder="1" applyAlignment="1">
      <alignment horizontal="center" vertical="center" wrapText="1"/>
    </xf>
    <xf numFmtId="0" fontId="29" fillId="33" borderId="46" xfId="42" applyFont="1" applyFill="1" applyBorder="1" applyAlignment="1">
      <alignment horizontal="center" vertical="center" wrapText="1"/>
    </xf>
    <xf numFmtId="0" fontId="29" fillId="33" borderId="51" xfId="42" applyFont="1" applyFill="1" applyBorder="1" applyAlignment="1">
      <alignment horizontal="left" vertical="center" wrapText="1"/>
    </xf>
    <xf numFmtId="0" fontId="29" fillId="33" borderId="35" xfId="42" applyFont="1" applyFill="1" applyBorder="1" applyAlignment="1">
      <alignment horizontal="center" vertical="center" wrapText="1"/>
    </xf>
    <xf numFmtId="0" fontId="29" fillId="33" borderId="49" xfId="42" applyFont="1" applyFill="1" applyBorder="1" applyAlignment="1">
      <alignment horizontal="center" vertical="center" wrapText="1"/>
    </xf>
    <xf numFmtId="0" fontId="29" fillId="33" borderId="22" xfId="42" applyFont="1" applyFill="1" applyBorder="1" applyAlignment="1">
      <alignment horizontal="center" vertical="center" wrapText="1"/>
    </xf>
    <xf numFmtId="0" fontId="29" fillId="33" borderId="14" xfId="42" applyFont="1" applyFill="1" applyBorder="1" applyAlignment="1">
      <alignment horizontal="left" vertical="center" wrapText="1"/>
    </xf>
    <xf numFmtId="0" fontId="29" fillId="33" borderId="13" xfId="43" applyFont="1" applyFill="1" applyBorder="1" applyAlignment="1">
      <alignment vertical="center" wrapText="1"/>
    </xf>
    <xf numFmtId="0" fontId="29" fillId="33" borderId="81" xfId="42" applyFont="1" applyFill="1" applyBorder="1" applyAlignment="1">
      <alignment horizontal="center" vertical="center" wrapText="1"/>
    </xf>
    <xf numFmtId="0" fontId="29" fillId="33" borderId="15" xfId="42" applyFont="1" applyFill="1" applyBorder="1" applyAlignment="1">
      <alignment horizontal="center" vertical="center" wrapText="1"/>
    </xf>
    <xf numFmtId="0" fontId="32" fillId="33" borderId="13" xfId="42" applyFont="1" applyFill="1" applyBorder="1" applyAlignment="1">
      <alignment vertical="center" wrapText="1"/>
    </xf>
    <xf numFmtId="0" fontId="29" fillId="33" borderId="60" xfId="42" applyFont="1" applyFill="1" applyBorder="1" applyAlignment="1">
      <alignment horizontal="center" vertical="center" wrapText="1"/>
    </xf>
    <xf numFmtId="0" fontId="29" fillId="33" borderId="42" xfId="42" applyFont="1" applyFill="1" applyBorder="1" applyAlignment="1">
      <alignment horizontal="center" vertical="center" wrapText="1"/>
    </xf>
    <xf numFmtId="0" fontId="29" fillId="33" borderId="33" xfId="42" applyFont="1" applyFill="1" applyBorder="1" applyAlignment="1">
      <alignment horizontal="left" vertical="center" wrapText="1"/>
    </xf>
    <xf numFmtId="0" fontId="33" fillId="33" borderId="16" xfId="42" applyFont="1" applyFill="1" applyBorder="1" applyAlignment="1">
      <alignment horizontal="center" vertical="center" wrapText="1"/>
    </xf>
    <xf numFmtId="0" fontId="33" fillId="33" borderId="15" xfId="42" applyFont="1" applyFill="1" applyBorder="1" applyAlignment="1">
      <alignment horizontal="center" vertical="center" wrapText="1"/>
    </xf>
    <xf numFmtId="0" fontId="32" fillId="33" borderId="13" xfId="43" applyFont="1" applyFill="1" applyBorder="1" applyAlignment="1">
      <alignment vertical="center" wrapText="1"/>
    </xf>
    <xf numFmtId="0" fontId="34" fillId="33" borderId="33" xfId="43" applyFont="1" applyFill="1" applyBorder="1" applyAlignment="1">
      <alignment horizontal="left" vertical="center" wrapText="1"/>
    </xf>
    <xf numFmtId="0" fontId="34" fillId="33" borderId="36" xfId="42" applyFont="1" applyFill="1" applyBorder="1" applyAlignment="1">
      <alignment horizontal="center" vertical="center" wrapText="1"/>
    </xf>
    <xf numFmtId="0" fontId="34" fillId="33" borderId="11" xfId="42" applyFont="1" applyFill="1" applyBorder="1" applyAlignment="1">
      <alignment horizontal="center" vertical="center" wrapText="1"/>
    </xf>
    <xf numFmtId="0" fontId="34" fillId="33" borderId="24" xfId="42" applyFont="1" applyFill="1" applyBorder="1" applyAlignment="1">
      <alignment horizontal="left" vertical="center" wrapText="1"/>
    </xf>
    <xf numFmtId="0" fontId="34" fillId="33" borderId="14" xfId="43" applyFont="1" applyFill="1" applyBorder="1" applyAlignment="1">
      <alignment horizontal="left" vertical="center" wrapText="1"/>
    </xf>
    <xf numFmtId="0" fontId="34" fillId="33" borderId="48" xfId="42" applyFont="1" applyFill="1" applyBorder="1" applyAlignment="1">
      <alignment horizontal="center" vertical="center" wrapText="1"/>
    </xf>
    <xf numFmtId="0" fontId="34" fillId="33" borderId="22" xfId="42" applyFont="1" applyFill="1" applyBorder="1" applyAlignment="1">
      <alignment horizontal="center" vertical="center" wrapText="1"/>
    </xf>
    <xf numFmtId="0" fontId="34" fillId="33" borderId="14" xfId="42" applyFont="1" applyFill="1" applyBorder="1" applyAlignment="1">
      <alignment horizontal="left" vertical="center" wrapText="1"/>
    </xf>
    <xf numFmtId="0" fontId="34" fillId="33" borderId="8" xfId="42" applyFont="1" applyFill="1" applyBorder="1" applyAlignment="1">
      <alignment horizontal="center" vertical="center" wrapText="1"/>
    </xf>
    <xf numFmtId="0" fontId="34" fillId="33" borderId="18" xfId="42" applyFont="1" applyFill="1" applyBorder="1" applyAlignment="1">
      <alignment horizontal="left" vertical="center" wrapText="1"/>
    </xf>
    <xf numFmtId="0" fontId="34" fillId="33" borderId="45" xfId="42" applyFont="1" applyFill="1" applyBorder="1" applyAlignment="1">
      <alignment horizontal="center" vertical="center" wrapText="1"/>
    </xf>
    <xf numFmtId="0" fontId="29" fillId="33" borderId="33" xfId="43" applyFont="1" applyFill="1" applyBorder="1" applyAlignment="1">
      <alignment vertical="center" wrapText="1"/>
    </xf>
    <xf numFmtId="0" fontId="29" fillId="33" borderId="43" xfId="42" applyFont="1" applyFill="1" applyBorder="1" applyAlignment="1">
      <alignment horizontal="center" vertical="center" wrapText="1"/>
    </xf>
    <xf numFmtId="0" fontId="29" fillId="33" borderId="14" xfId="43" applyFont="1" applyFill="1" applyBorder="1" applyAlignment="1">
      <alignment horizontal="left" vertical="center" wrapText="1"/>
    </xf>
    <xf numFmtId="0" fontId="29" fillId="33" borderId="18" xfId="42" applyFont="1" applyFill="1" applyBorder="1" applyAlignment="1">
      <alignment horizontal="left" vertical="center" wrapText="1"/>
    </xf>
    <xf numFmtId="0" fontId="29" fillId="33" borderId="14" xfId="43" applyFont="1" applyFill="1" applyBorder="1" applyAlignment="1">
      <alignment horizontal="left" vertical="center" wrapText="1"/>
    </xf>
    <xf numFmtId="0" fontId="29" fillId="33" borderId="8" xfId="42" applyFont="1" applyFill="1" applyBorder="1" applyAlignment="1">
      <alignment horizontal="center" vertical="center" wrapText="1"/>
    </xf>
    <xf numFmtId="0" fontId="29" fillId="33" borderId="56" xfId="42" applyFont="1" applyFill="1" applyBorder="1" applyAlignment="1">
      <alignment horizontal="left" vertical="center" wrapText="1"/>
    </xf>
    <xf numFmtId="0" fontId="29" fillId="33" borderId="13" xfId="42" applyFont="1" applyFill="1" applyBorder="1" applyAlignment="1">
      <alignment vertical="center" wrapText="1"/>
    </xf>
    <xf numFmtId="0" fontId="29" fillId="33" borderId="16" xfId="42" applyFont="1" applyFill="1" applyBorder="1" applyAlignment="1">
      <alignment horizontal="center" vertical="center" wrapText="1"/>
    </xf>
    <xf numFmtId="0" fontId="32" fillId="33" borderId="14" xfId="42" applyFont="1" applyFill="1" applyBorder="1" applyAlignment="1">
      <alignment vertical="center" wrapText="1"/>
    </xf>
    <xf numFmtId="0" fontId="29" fillId="33" borderId="47" xfId="42" applyFont="1" applyFill="1" applyBorder="1" applyAlignment="1">
      <alignment horizontal="center" vertical="center" wrapText="1"/>
    </xf>
    <xf numFmtId="0" fontId="29" fillId="33" borderId="14" xfId="42" applyFont="1" applyFill="1" applyBorder="1" applyAlignment="1">
      <alignment vertical="top" wrapText="1"/>
    </xf>
    <xf numFmtId="0" fontId="34" fillId="33" borderId="56" xfId="42" applyFont="1" applyFill="1" applyBorder="1" applyAlignment="1">
      <alignment horizontal="left" vertical="center" wrapText="1"/>
    </xf>
    <xf numFmtId="0" fontId="29" fillId="33" borderId="14" xfId="42" applyFont="1" applyFill="1" applyBorder="1" applyAlignment="1">
      <alignment horizontal="left" vertical="top" wrapText="1"/>
    </xf>
    <xf numFmtId="0" fontId="32" fillId="33" borderId="13" xfId="42" applyFont="1" applyFill="1" applyBorder="1" applyAlignment="1">
      <alignment horizontal="left" vertical="center" wrapText="1"/>
    </xf>
    <xf numFmtId="0" fontId="29" fillId="33" borderId="33" xfId="42" applyFont="1" applyFill="1" applyBorder="1" applyAlignment="1">
      <alignment horizontal="left" vertical="top" wrapText="1"/>
    </xf>
    <xf numFmtId="0" fontId="29" fillId="33" borderId="33" xfId="42" applyFont="1" applyFill="1" applyBorder="1">
      <alignment vertical="center"/>
    </xf>
    <xf numFmtId="0" fontId="32" fillId="33" borderId="13" xfId="42" applyFont="1" applyFill="1" applyBorder="1" applyAlignment="1">
      <alignment horizontal="left" vertical="center"/>
    </xf>
    <xf numFmtId="0" fontId="29" fillId="33" borderId="12" xfId="42" applyFont="1" applyFill="1" applyBorder="1" applyAlignment="1">
      <alignment horizontal="center" vertical="center" wrapText="1"/>
    </xf>
    <xf numFmtId="0" fontId="29" fillId="33" borderId="24" xfId="42" applyFont="1" applyFill="1" applyBorder="1" applyAlignment="1">
      <alignment horizontal="left" vertical="center" wrapText="1"/>
    </xf>
    <xf numFmtId="0" fontId="29" fillId="33" borderId="9" xfId="42" applyFont="1" applyFill="1" applyBorder="1" applyAlignment="1">
      <alignment horizontal="center" vertical="center" wrapText="1"/>
    </xf>
    <xf numFmtId="0" fontId="32" fillId="33" borderId="85" xfId="42" applyFont="1" applyFill="1" applyBorder="1">
      <alignment vertical="center"/>
    </xf>
    <xf numFmtId="0" fontId="34" fillId="33" borderId="60" xfId="42" applyFont="1" applyFill="1" applyBorder="1" applyAlignment="1">
      <alignment horizontal="center" vertical="center" wrapText="1"/>
    </xf>
    <xf numFmtId="0" fontId="34" fillId="33" borderId="42" xfId="42" applyFont="1" applyFill="1" applyBorder="1" applyAlignment="1">
      <alignment horizontal="center" vertical="center" wrapText="1"/>
    </xf>
    <xf numFmtId="0" fontId="34" fillId="33" borderId="86" xfId="42" applyFont="1" applyFill="1" applyBorder="1" applyAlignment="1">
      <alignment vertical="center" wrapText="1"/>
    </xf>
    <xf numFmtId="0" fontId="29" fillId="33" borderId="33" xfId="42" applyFont="1" applyFill="1" applyBorder="1" applyAlignment="1">
      <alignment vertical="top" wrapText="1"/>
    </xf>
    <xf numFmtId="0" fontId="34" fillId="33" borderId="33" xfId="42" applyFont="1" applyFill="1" applyBorder="1" applyAlignment="1">
      <alignment vertical="center" wrapText="1"/>
    </xf>
    <xf numFmtId="0" fontId="32" fillId="33" borderId="13" xfId="42" applyFont="1" applyFill="1" applyBorder="1">
      <alignment vertical="center"/>
    </xf>
    <xf numFmtId="0" fontId="34" fillId="33" borderId="33" xfId="42" applyFont="1" applyFill="1" applyBorder="1" applyAlignment="1">
      <alignment horizontal="left" vertical="center" wrapText="1"/>
    </xf>
    <xf numFmtId="0" fontId="34" fillId="33" borderId="43" xfId="42" applyFont="1" applyFill="1" applyBorder="1" applyAlignment="1">
      <alignment horizontal="center" vertical="center" wrapText="1"/>
    </xf>
    <xf numFmtId="0" fontId="34" fillId="33" borderId="14" xfId="42" applyFont="1" applyFill="1" applyBorder="1" applyAlignment="1">
      <alignment horizontal="left" vertical="center" wrapText="1"/>
    </xf>
    <xf numFmtId="0" fontId="34" fillId="33" borderId="9" xfId="42" applyFont="1" applyFill="1" applyBorder="1" applyAlignment="1">
      <alignment horizontal="center" vertical="center" wrapText="1"/>
    </xf>
    <xf numFmtId="0" fontId="34" fillId="33" borderId="18" xfId="42" applyFont="1" applyFill="1" applyBorder="1" applyAlignment="1">
      <alignment vertical="center" wrapText="1"/>
    </xf>
    <xf numFmtId="0" fontId="29" fillId="33" borderId="56" xfId="42" applyFont="1" applyFill="1" applyBorder="1" applyAlignment="1">
      <alignment vertical="center" wrapText="1"/>
    </xf>
    <xf numFmtId="0" fontId="29" fillId="33" borderId="33" xfId="42" applyFont="1" applyFill="1" applyBorder="1" applyAlignment="1">
      <alignment horizontal="left" vertical="top" wrapText="1"/>
    </xf>
    <xf numFmtId="0" fontId="29" fillId="33" borderId="57" xfId="42" applyFont="1" applyFill="1" applyBorder="1" applyAlignment="1">
      <alignment horizontal="center" vertical="center" wrapText="1"/>
    </xf>
    <xf numFmtId="0" fontId="29" fillId="33" borderId="56" xfId="42" applyFont="1" applyFill="1" applyBorder="1" applyAlignment="1">
      <alignment vertical="top" wrapText="1"/>
    </xf>
    <xf numFmtId="0" fontId="29" fillId="33" borderId="13" xfId="42" applyFont="1" applyFill="1" applyBorder="1" applyAlignment="1">
      <alignment horizontal="left" vertical="top" wrapText="1"/>
    </xf>
    <xf numFmtId="0" fontId="34" fillId="33" borderId="12" xfId="42" applyFont="1" applyFill="1" applyBorder="1" applyAlignment="1">
      <alignment horizontal="center" vertical="center" wrapText="1"/>
    </xf>
    <xf numFmtId="0" fontId="34" fillId="33" borderId="33" xfId="42" applyFont="1" applyFill="1" applyBorder="1" applyAlignment="1">
      <alignment horizontal="left" vertical="center" wrapText="1"/>
    </xf>
    <xf numFmtId="0" fontId="34" fillId="33" borderId="14" xfId="42" applyFont="1" applyFill="1" applyBorder="1" applyAlignment="1">
      <alignment vertical="center" wrapText="1"/>
    </xf>
    <xf numFmtId="0" fontId="34" fillId="33" borderId="49" xfId="42" applyFont="1" applyFill="1" applyBorder="1" applyAlignment="1">
      <alignment horizontal="center" vertical="center" wrapText="1"/>
    </xf>
    <xf numFmtId="0" fontId="34" fillId="33" borderId="47" xfId="42" applyFont="1" applyFill="1" applyBorder="1" applyAlignment="1">
      <alignment horizontal="center" vertical="center" wrapText="1"/>
    </xf>
    <xf numFmtId="0" fontId="34" fillId="33" borderId="13" xfId="42" applyFont="1" applyFill="1" applyBorder="1" applyAlignment="1">
      <alignment vertical="center" wrapText="1"/>
    </xf>
    <xf numFmtId="0" fontId="34" fillId="33" borderId="16" xfId="42" applyFont="1" applyFill="1" applyBorder="1" applyAlignment="1">
      <alignment horizontal="center" vertical="center" wrapText="1"/>
    </xf>
    <xf numFmtId="0" fontId="34" fillId="33" borderId="15" xfId="42" applyFont="1" applyFill="1" applyBorder="1" applyAlignment="1">
      <alignment horizontal="center" vertical="center" wrapText="1"/>
    </xf>
    <xf numFmtId="0" fontId="37" fillId="33" borderId="13" xfId="42" applyFont="1" applyFill="1" applyBorder="1">
      <alignment vertical="center"/>
    </xf>
    <xf numFmtId="0" fontId="29" fillId="33" borderId="51" xfId="42" applyFont="1" applyFill="1" applyBorder="1" applyAlignment="1">
      <alignment vertical="center" wrapText="1"/>
    </xf>
    <xf numFmtId="0" fontId="29" fillId="33" borderId="56" xfId="42" applyFont="1" applyFill="1" applyBorder="1" applyAlignment="1">
      <alignment horizontal="left" vertical="top" wrapText="1"/>
    </xf>
    <xf numFmtId="0" fontId="29" fillId="33" borderId="10" xfId="42" applyFont="1" applyFill="1" applyBorder="1">
      <alignment vertical="center"/>
    </xf>
    <xf numFmtId="0" fontId="29" fillId="33" borderId="14" xfId="42" applyFont="1" applyFill="1" applyBorder="1" applyAlignment="1">
      <alignment vertical="top" wrapText="1"/>
    </xf>
    <xf numFmtId="0" fontId="29" fillId="33" borderId="55" xfId="42" applyFont="1" applyFill="1" applyBorder="1" applyAlignment="1">
      <alignment horizontal="center" vertical="center" wrapText="1"/>
    </xf>
    <xf numFmtId="0" fontId="29" fillId="33" borderId="13" xfId="42" applyFont="1" applyFill="1" applyBorder="1" applyAlignment="1">
      <alignment vertical="top" wrapText="1"/>
    </xf>
    <xf numFmtId="0" fontId="29" fillId="33" borderId="56" xfId="42" applyFont="1" applyFill="1" applyBorder="1" applyAlignment="1">
      <alignment horizontal="justify" vertical="center" wrapText="1"/>
    </xf>
    <xf numFmtId="0" fontId="29" fillId="33" borderId="18" xfId="42" applyFont="1" applyFill="1" applyBorder="1" applyAlignment="1">
      <alignment vertical="center" wrapText="1"/>
    </xf>
    <xf numFmtId="0" fontId="29" fillId="33" borderId="14" xfId="42" applyFont="1" applyFill="1" applyBorder="1" applyAlignment="1">
      <alignment vertical="center" wrapText="1"/>
    </xf>
    <xf numFmtId="0" fontId="29" fillId="33" borderId="13" xfId="42" applyFont="1" applyFill="1" applyBorder="1" applyAlignment="1">
      <alignment vertical="center" wrapText="1"/>
    </xf>
    <xf numFmtId="0" fontId="29" fillId="33" borderId="36" xfId="42" applyFont="1" applyFill="1" applyBorder="1" applyAlignment="1">
      <alignment vertical="center" wrapText="1"/>
    </xf>
    <xf numFmtId="0" fontId="29" fillId="33" borderId="42" xfId="42" applyFont="1" applyFill="1" applyBorder="1" applyAlignment="1">
      <alignment vertical="center" wrapText="1"/>
    </xf>
    <xf numFmtId="0" fontId="29" fillId="33" borderId="48" xfId="42" applyFont="1" applyFill="1" applyBorder="1" applyAlignment="1">
      <alignment horizontal="center" vertical="center" wrapText="1"/>
    </xf>
    <xf numFmtId="0" fontId="27" fillId="0" borderId="0" xfId="42" applyFont="1" applyAlignment="1">
      <alignment vertical="top"/>
    </xf>
    <xf numFmtId="0" fontId="29" fillId="33" borderId="33" xfId="42" applyFont="1" applyFill="1" applyBorder="1" applyAlignment="1">
      <alignment horizontal="justify" vertical="center" wrapText="1"/>
    </xf>
    <xf numFmtId="0" fontId="29" fillId="33" borderId="75" xfId="42" applyFont="1" applyFill="1" applyBorder="1" applyAlignment="1">
      <alignment horizontal="justify" vertical="center" wrapText="1"/>
    </xf>
    <xf numFmtId="0" fontId="29" fillId="33" borderId="60" xfId="42" applyFont="1" applyFill="1" applyBorder="1" applyAlignment="1">
      <alignment horizontal="center" vertical="center" wrapText="1"/>
    </xf>
    <xf numFmtId="0" fontId="29" fillId="33" borderId="42" xfId="42" applyFont="1" applyFill="1" applyBorder="1" applyAlignment="1">
      <alignment horizontal="center" vertical="center" wrapText="1"/>
    </xf>
    <xf numFmtId="0" fontId="29" fillId="33" borderId="48" xfId="42" applyFont="1" applyFill="1" applyBorder="1" applyAlignment="1">
      <alignment horizontal="center" vertical="center" wrapText="1"/>
    </xf>
    <xf numFmtId="0" fontId="29" fillId="33" borderId="46" xfId="42" applyFont="1" applyFill="1" applyBorder="1" applyAlignment="1">
      <alignment horizontal="center" vertical="center" wrapText="1"/>
    </xf>
    <xf numFmtId="0" fontId="29" fillId="33" borderId="18" xfId="42" applyFont="1" applyFill="1" applyBorder="1">
      <alignment vertical="center"/>
    </xf>
    <xf numFmtId="0" fontId="29" fillId="33" borderId="24" xfId="42" applyFont="1" applyFill="1" applyBorder="1" applyAlignment="1">
      <alignment horizontal="justify" vertical="center" wrapText="1"/>
    </xf>
    <xf numFmtId="0" fontId="29" fillId="33" borderId="18" xfId="42" applyFont="1" applyFill="1" applyBorder="1" applyAlignment="1">
      <alignment horizontal="justify" vertical="center" wrapText="1"/>
    </xf>
    <xf numFmtId="0" fontId="29" fillId="33" borderId="14" xfId="42" applyFont="1" applyFill="1" applyBorder="1" applyAlignment="1">
      <alignment horizontal="justify" vertical="center" wrapText="1"/>
    </xf>
    <xf numFmtId="0" fontId="29" fillId="33" borderId="51" xfId="42" applyFont="1" applyFill="1" applyBorder="1" applyAlignment="1">
      <alignment horizontal="justify" vertical="center" wrapText="1"/>
    </xf>
    <xf numFmtId="0" fontId="29" fillId="33" borderId="23" xfId="42" applyFont="1" applyFill="1" applyBorder="1" applyAlignment="1">
      <alignment vertical="center" wrapText="1"/>
    </xf>
    <xf numFmtId="0" fontId="29" fillId="33" borderId="15" xfId="42" applyFont="1" applyFill="1" applyBorder="1" applyAlignment="1">
      <alignment horizontal="center" vertical="center" wrapText="1"/>
    </xf>
    <xf numFmtId="0" fontId="29" fillId="33" borderId="86" xfId="42" applyFont="1" applyFill="1" applyBorder="1" applyAlignment="1">
      <alignment vertical="center" wrapText="1"/>
    </xf>
    <xf numFmtId="0" fontId="29" fillId="33" borderId="75" xfId="42" applyFont="1" applyFill="1" applyBorder="1" applyAlignment="1">
      <alignment vertical="center" wrapText="1"/>
    </xf>
    <xf numFmtId="0" fontId="29" fillId="33" borderId="33" xfId="42" applyFont="1" applyFill="1" applyBorder="1" applyAlignment="1">
      <alignment vertical="center" wrapText="1"/>
    </xf>
    <xf numFmtId="0" fontId="32" fillId="33" borderId="85" xfId="42" applyFont="1" applyFill="1" applyBorder="1" applyAlignment="1">
      <alignment horizontal="left" vertical="center"/>
    </xf>
    <xf numFmtId="0" fontId="29" fillId="33" borderId="16" xfId="42" applyFont="1" applyFill="1" applyBorder="1" applyAlignment="1">
      <alignment vertical="center" wrapText="1"/>
    </xf>
    <xf numFmtId="0" fontId="32" fillId="33" borderId="85" xfId="42" applyFont="1" applyFill="1" applyBorder="1" applyAlignment="1">
      <alignment vertical="center" wrapText="1"/>
    </xf>
    <xf numFmtId="0" fontId="29" fillId="33" borderId="81" xfId="42" applyFont="1" applyFill="1" applyBorder="1" applyAlignment="1">
      <alignment horizontal="center" vertical="center" wrapText="1"/>
    </xf>
    <xf numFmtId="0" fontId="29" fillId="33" borderId="3" xfId="42" applyFont="1" applyFill="1" applyBorder="1">
      <alignment vertical="center"/>
    </xf>
    <xf numFmtId="0" fontId="29" fillId="33" borderId="22" xfId="42" applyFont="1" applyFill="1" applyBorder="1" applyAlignment="1">
      <alignment vertical="center" wrapText="1"/>
    </xf>
    <xf numFmtId="0" fontId="29" fillId="33" borderId="1" xfId="42" applyFont="1" applyFill="1" applyBorder="1" applyAlignment="1">
      <alignment vertical="center" wrapText="1"/>
    </xf>
    <xf numFmtId="0" fontId="29" fillId="33" borderId="84" xfId="42" applyFont="1" applyFill="1" applyBorder="1" applyAlignment="1">
      <alignment vertical="center" wrapText="1"/>
    </xf>
    <xf numFmtId="0" fontId="29" fillId="33" borderId="2" xfId="42" applyFont="1" applyFill="1" applyBorder="1" applyAlignment="1">
      <alignment vertical="center" wrapText="1"/>
    </xf>
    <xf numFmtId="0" fontId="29" fillId="33" borderId="43" xfId="42" applyFont="1" applyFill="1" applyBorder="1" applyAlignment="1">
      <alignment vertical="center" wrapText="1"/>
    </xf>
    <xf numFmtId="0" fontId="29" fillId="33" borderId="10" xfId="42" applyFont="1" applyFill="1" applyBorder="1" applyAlignment="1">
      <alignment vertical="center" wrapText="1"/>
    </xf>
    <xf numFmtId="0" fontId="29" fillId="33" borderId="23" xfId="42" applyFont="1" applyFill="1" applyBorder="1" applyAlignment="1">
      <alignment vertical="top" wrapText="1"/>
    </xf>
    <xf numFmtId="0" fontId="29" fillId="33" borderId="86" xfId="42" applyFont="1" applyFill="1" applyBorder="1" applyAlignment="1">
      <alignment horizontal="left" vertical="center" wrapText="1"/>
    </xf>
    <xf numFmtId="0" fontId="29" fillId="33" borderId="87" xfId="42" applyFont="1" applyFill="1" applyBorder="1" applyAlignment="1">
      <alignment horizontal="center" vertical="center" wrapText="1"/>
    </xf>
    <xf numFmtId="0" fontId="29" fillId="33" borderId="45" xfId="42" applyFont="1" applyFill="1" applyBorder="1" applyAlignment="1">
      <alignment horizontal="center" vertical="center" wrapText="1"/>
    </xf>
    <xf numFmtId="0" fontId="29" fillId="33" borderId="22" xfId="42" applyFont="1" applyFill="1" applyBorder="1" applyAlignment="1">
      <alignment horizontal="center" vertical="center" wrapText="1"/>
    </xf>
    <xf numFmtId="0" fontId="29" fillId="33" borderId="77" xfId="42" applyFont="1" applyFill="1" applyBorder="1" applyAlignment="1">
      <alignment horizontal="center" vertical="center" wrapText="1"/>
    </xf>
    <xf numFmtId="0" fontId="29" fillId="33" borderId="9" xfId="42" applyFont="1" applyFill="1" applyBorder="1" applyAlignment="1">
      <alignment vertical="center" wrapText="1"/>
    </xf>
    <xf numFmtId="0" fontId="29" fillId="33" borderId="49" xfId="42" applyFont="1" applyFill="1" applyBorder="1" applyAlignment="1">
      <alignment horizontal="center" vertical="center" wrapText="1"/>
    </xf>
    <xf numFmtId="0" fontId="29" fillId="33" borderId="47" xfId="42" applyFont="1" applyFill="1" applyBorder="1" applyAlignment="1">
      <alignment horizontal="center" vertical="center" wrapText="1"/>
    </xf>
    <xf numFmtId="0" fontId="29" fillId="33" borderId="14" xfId="42" applyFont="1" applyFill="1" applyBorder="1" applyAlignment="1">
      <alignment horizontal="left" vertical="top" wrapText="1"/>
    </xf>
    <xf numFmtId="0" fontId="29" fillId="33" borderId="15" xfId="42" applyFont="1" applyFill="1" applyBorder="1" applyAlignment="1">
      <alignment vertical="center" wrapText="1"/>
    </xf>
    <xf numFmtId="0" fontId="5" fillId="33" borderId="33" xfId="42" applyFont="1" applyFill="1" applyBorder="1" applyAlignment="1">
      <alignment horizontal="center" vertical="center" wrapText="1"/>
    </xf>
    <xf numFmtId="0" fontId="39" fillId="0" borderId="0" xfId="42" applyFont="1" applyAlignment="1">
      <alignment horizontal="center" vertical="center"/>
    </xf>
    <xf numFmtId="0" fontId="5" fillId="33" borderId="13" xfId="42" applyFont="1" applyFill="1" applyBorder="1" applyAlignment="1">
      <alignment horizontal="center" vertical="center" wrapText="1"/>
    </xf>
    <xf numFmtId="0" fontId="29" fillId="33" borderId="3" xfId="42" applyFont="1" applyFill="1" applyBorder="1" applyAlignment="1">
      <alignment horizontal="center" vertical="center" wrapText="1"/>
    </xf>
    <xf numFmtId="0" fontId="29" fillId="33" borderId="19" xfId="42" applyFont="1" applyFill="1" applyBorder="1" applyAlignment="1">
      <alignment horizontal="center" vertical="center" wrapText="1"/>
    </xf>
    <xf numFmtId="0" fontId="29" fillId="33" borderId="78" xfId="43" applyFont="1" applyFill="1" applyBorder="1">
      <alignment vertical="center"/>
    </xf>
    <xf numFmtId="0" fontId="5" fillId="33" borderId="78" xfId="43" applyFont="1" applyFill="1" applyBorder="1">
      <alignment vertical="center"/>
    </xf>
    <xf numFmtId="0" fontId="4" fillId="33" borderId="0" xfId="42" applyFont="1" applyFill="1" applyAlignment="1">
      <alignment horizontal="center" vertical="center"/>
    </xf>
    <xf numFmtId="0" fontId="40" fillId="0" borderId="0" xfId="42" applyFont="1" applyAlignment="1">
      <alignment horizontal="center" vertical="center"/>
    </xf>
  </cellXfs>
  <cellStyles count="44">
    <cellStyle name="20% - アクセント 1 2" xfId="1"/>
    <cellStyle name="20% - アクセント 2 2" xfId="2"/>
    <cellStyle name="20% - アクセント 3 2" xfId="3"/>
    <cellStyle name="20% - アクセント 4 2" xfId="4"/>
    <cellStyle name="20% - アクセント 5 2" xfId="5"/>
    <cellStyle name="20% - アクセント 6 2" xfId="6"/>
    <cellStyle name="40% - アクセント 1 2" xfId="7"/>
    <cellStyle name="40% - アクセント 2 2" xfId="8"/>
    <cellStyle name="40% - アクセント 3 2" xfId="9"/>
    <cellStyle name="40% - アクセント 4 2" xfId="10"/>
    <cellStyle name="40% - アクセント 5 2" xfId="11"/>
    <cellStyle name="40% - アクセント 6 2" xfId="12"/>
    <cellStyle name="60% - アクセント 1 2" xfId="13"/>
    <cellStyle name="60% - アクセント 2 2" xfId="14"/>
    <cellStyle name="60% - アクセント 3 2" xfId="15"/>
    <cellStyle name="60% - アクセント 4 2" xfId="16"/>
    <cellStyle name="60% - アクセント 5 2" xfId="17"/>
    <cellStyle name="60% - アクセント 6 2" xfId="18"/>
    <cellStyle name="アクセント 1 2" xfId="19"/>
    <cellStyle name="アクセント 2 2" xfId="20"/>
    <cellStyle name="アクセント 3 2" xfId="21"/>
    <cellStyle name="アクセント 4 2" xfId="22"/>
    <cellStyle name="アクセント 5 2" xfId="23"/>
    <cellStyle name="アクセント 6 2" xfId="24"/>
    <cellStyle name="タイトル 2" xfId="25"/>
    <cellStyle name="チェック セル 2" xfId="26"/>
    <cellStyle name="どちらでもない 2" xfId="27"/>
    <cellStyle name="メモ 2" xfId="28"/>
    <cellStyle name="リンク セル 2" xfId="29"/>
    <cellStyle name="悪い 2" xfId="30"/>
    <cellStyle name="計算 2" xfId="31"/>
    <cellStyle name="警告文 2" xfId="32"/>
    <cellStyle name="見出し 1 2" xfId="33"/>
    <cellStyle name="見出し 2 2" xfId="34"/>
    <cellStyle name="見出し 3 2" xfId="35"/>
    <cellStyle name="見出し 4 2" xfId="36"/>
    <cellStyle name="集計 2" xfId="37"/>
    <cellStyle name="出力 2" xfId="38"/>
    <cellStyle name="説明文 2" xfId="39"/>
    <cellStyle name="入力 2" xfId="40"/>
    <cellStyle name="標準" xfId="0" builtinId="0"/>
    <cellStyle name="標準 2" xfId="42"/>
    <cellStyle name="標準_Book1" xfId="43"/>
    <cellStyle name="良い 2" xfId="41"/>
  </cellStyles>
  <dxfs count="0"/>
  <tableStyles count="0" defaultTableStyle="TableStyleMedium9"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3.xml"/><Relationship Id="rId3" Type="http://schemas.openxmlformats.org/officeDocument/2006/relationships/theme" Target="theme/theme1.xml"/><Relationship Id="rId7" Type="http://schemas.openxmlformats.org/officeDocument/2006/relationships/customXml" Target="../customXml/item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ustomXml" Target="../customXml/item1.xml"/><Relationship Id="rId5" Type="http://schemas.openxmlformats.org/officeDocument/2006/relationships/sharedStrings" Target="sharedStrings.xml"/><Relationship Id="rId4" Type="http://schemas.openxmlformats.org/officeDocument/2006/relationships/styles" Target="styles.xml"/><Relationship Id="rId9" Type="http://schemas.openxmlformats.org/officeDocument/2006/relationships/customXml" Target="../customXml/item4.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1289"/>
  <sheetViews>
    <sheetView view="pageBreakPreview" zoomScaleNormal="100" zoomScaleSheetLayoutView="100" workbookViewId="0">
      <selection activeCell="A8" sqref="A8"/>
    </sheetView>
  </sheetViews>
  <sheetFormatPr defaultColWidth="9" defaultRowHeight="13.2" x14ac:dyDescent="0.2"/>
  <cols>
    <col min="1" max="1" width="72.21875" style="206" customWidth="1"/>
    <col min="2" max="3" width="7.44140625" style="206" customWidth="1"/>
    <col min="4" max="4" width="28.33203125" style="207" customWidth="1"/>
    <col min="5" max="16384" width="9" style="206"/>
  </cols>
  <sheetData>
    <row r="1" spans="1:4" ht="28.2" customHeight="1" x14ac:dyDescent="0.2">
      <c r="A1" s="355" t="s">
        <v>537</v>
      </c>
      <c r="B1" s="355"/>
      <c r="C1" s="355"/>
      <c r="D1" s="355"/>
    </row>
    <row r="2" spans="1:4" ht="20.100000000000001" customHeight="1" x14ac:dyDescent="0.2">
      <c r="A2" s="354" t="s">
        <v>536</v>
      </c>
      <c r="B2" s="354"/>
      <c r="C2" s="354"/>
      <c r="D2" s="354"/>
    </row>
    <row r="3" spans="1:4" ht="20.100000000000001" customHeight="1" x14ac:dyDescent="0.2">
      <c r="A3" s="353" t="s">
        <v>535</v>
      </c>
      <c r="B3" s="352"/>
      <c r="C3" s="352"/>
      <c r="D3" s="352"/>
    </row>
    <row r="4" spans="1:4" s="348" customFormat="1" ht="24.9" customHeight="1" x14ac:dyDescent="0.2">
      <c r="A4" s="349" t="s">
        <v>534</v>
      </c>
      <c r="B4" s="351" t="s">
        <v>2</v>
      </c>
      <c r="C4" s="350"/>
      <c r="D4" s="349" t="s">
        <v>533</v>
      </c>
    </row>
    <row r="5" spans="1:4" ht="24.9" customHeight="1" x14ac:dyDescent="0.2">
      <c r="A5" s="347"/>
      <c r="B5" s="210" t="s">
        <v>532</v>
      </c>
      <c r="C5" s="249" t="s">
        <v>531</v>
      </c>
      <c r="D5" s="347"/>
    </row>
    <row r="6" spans="1:4" ht="30.75" customHeight="1" x14ac:dyDescent="0.2">
      <c r="A6" s="214" t="s">
        <v>530</v>
      </c>
      <c r="B6" s="346"/>
      <c r="C6" s="326"/>
      <c r="D6" s="255"/>
    </row>
    <row r="7" spans="1:4" ht="30.75" customHeight="1" x14ac:dyDescent="0.2">
      <c r="A7" s="265" t="s">
        <v>529</v>
      </c>
      <c r="B7" s="321" t="s">
        <v>8</v>
      </c>
      <c r="C7" s="328" t="s">
        <v>8</v>
      </c>
      <c r="D7" s="255"/>
    </row>
    <row r="8" spans="1:4" ht="198" customHeight="1" x14ac:dyDescent="0.2">
      <c r="A8" s="345" t="s">
        <v>528</v>
      </c>
      <c r="B8" s="344"/>
      <c r="C8" s="343"/>
      <c r="D8" s="284" t="s">
        <v>527</v>
      </c>
    </row>
    <row r="9" spans="1:4" ht="189" customHeight="1" x14ac:dyDescent="0.2">
      <c r="A9" s="251" t="s">
        <v>526</v>
      </c>
      <c r="B9" s="253" t="s">
        <v>100</v>
      </c>
      <c r="C9" s="268" t="s">
        <v>100</v>
      </c>
      <c r="D9" s="342"/>
    </row>
    <row r="10" spans="1:4" ht="41.25" customHeight="1" x14ac:dyDescent="0.2">
      <c r="A10" s="226" t="s">
        <v>525</v>
      </c>
      <c r="B10" s="225" t="s">
        <v>8</v>
      </c>
      <c r="C10" s="220" t="s">
        <v>8</v>
      </c>
      <c r="D10" s="320"/>
    </row>
    <row r="11" spans="1:4" ht="79.5" customHeight="1" x14ac:dyDescent="0.2">
      <c r="A11" s="251" t="s">
        <v>524</v>
      </c>
      <c r="B11" s="253" t="s">
        <v>8</v>
      </c>
      <c r="C11" s="268" t="s">
        <v>8</v>
      </c>
      <c r="D11" s="219"/>
    </row>
    <row r="12" spans="1:4" ht="77.25" customHeight="1" x14ac:dyDescent="0.2">
      <c r="A12" s="222" t="s">
        <v>523</v>
      </c>
      <c r="B12" s="221" t="s">
        <v>8</v>
      </c>
      <c r="C12" s="341" t="s">
        <v>8</v>
      </c>
      <c r="D12" s="320"/>
    </row>
    <row r="13" spans="1:4" ht="64.5" customHeight="1" x14ac:dyDescent="0.2">
      <c r="A13" s="222" t="s">
        <v>522</v>
      </c>
      <c r="B13" s="314" t="s">
        <v>8</v>
      </c>
      <c r="C13" s="313" t="s">
        <v>8</v>
      </c>
      <c r="D13" s="320"/>
    </row>
    <row r="14" spans="1:4" ht="45" customHeight="1" x14ac:dyDescent="0.2">
      <c r="A14" s="254" t="s">
        <v>521</v>
      </c>
      <c r="B14" s="340"/>
      <c r="C14" s="339"/>
      <c r="D14" s="219"/>
    </row>
    <row r="15" spans="1:4" ht="83.25" customHeight="1" x14ac:dyDescent="0.2">
      <c r="A15" s="251" t="s">
        <v>520</v>
      </c>
      <c r="B15" s="253" t="s">
        <v>8</v>
      </c>
      <c r="C15" s="338" t="s">
        <v>8</v>
      </c>
      <c r="D15" s="219"/>
    </row>
    <row r="16" spans="1:4" ht="87.75" customHeight="1" x14ac:dyDescent="0.2">
      <c r="A16" s="226" t="s">
        <v>519</v>
      </c>
      <c r="B16" s="330"/>
      <c r="C16" s="320"/>
      <c r="D16" s="320"/>
    </row>
    <row r="17" spans="1:4" ht="126.75" customHeight="1" x14ac:dyDescent="0.2">
      <c r="A17" s="233" t="s">
        <v>518</v>
      </c>
      <c r="B17" s="306"/>
      <c r="C17" s="334"/>
      <c r="D17" s="334"/>
    </row>
    <row r="18" spans="1:4" ht="30.75" customHeight="1" x14ac:dyDescent="0.2">
      <c r="A18" s="275" t="s">
        <v>517</v>
      </c>
      <c r="B18" s="229"/>
      <c r="C18" s="256"/>
      <c r="D18" s="304" t="s">
        <v>516</v>
      </c>
    </row>
    <row r="19" spans="1:4" ht="135.75" customHeight="1" x14ac:dyDescent="0.2">
      <c r="A19" s="254" t="s">
        <v>515</v>
      </c>
      <c r="B19" s="258" t="s">
        <v>100</v>
      </c>
      <c r="C19" s="224" t="s">
        <v>100</v>
      </c>
      <c r="D19" s="303"/>
    </row>
    <row r="20" spans="1:4" ht="57" customHeight="1" x14ac:dyDescent="0.2">
      <c r="A20" s="337" t="s">
        <v>514</v>
      </c>
      <c r="B20" s="258" t="s">
        <v>100</v>
      </c>
      <c r="C20" s="224" t="s">
        <v>100</v>
      </c>
      <c r="D20" s="336"/>
    </row>
    <row r="21" spans="1:4" ht="62.25" customHeight="1" x14ac:dyDescent="0.2">
      <c r="A21" s="335" t="s">
        <v>513</v>
      </c>
      <c r="B21" s="217" t="s">
        <v>100</v>
      </c>
      <c r="C21" s="266" t="s">
        <v>100</v>
      </c>
      <c r="D21" s="334"/>
    </row>
    <row r="22" spans="1:4" ht="30.75" customHeight="1" x14ac:dyDescent="0.2">
      <c r="A22" s="275" t="s">
        <v>512</v>
      </c>
      <c r="B22" s="229"/>
      <c r="C22" s="256"/>
      <c r="D22" s="326"/>
    </row>
    <row r="23" spans="1:4" ht="87.75" customHeight="1" x14ac:dyDescent="0.2">
      <c r="A23" s="254" t="s">
        <v>511</v>
      </c>
      <c r="B23" s="258" t="s">
        <v>100</v>
      </c>
      <c r="C23" s="299" t="s">
        <v>100</v>
      </c>
      <c r="D23" s="259"/>
    </row>
    <row r="24" spans="1:4" ht="143.25" customHeight="1" x14ac:dyDescent="0.2">
      <c r="A24" s="218" t="s">
        <v>510</v>
      </c>
      <c r="B24" s="217" t="s">
        <v>100</v>
      </c>
      <c r="C24" s="266" t="s">
        <v>100</v>
      </c>
      <c r="D24" s="215"/>
    </row>
    <row r="25" spans="1:4" ht="30.75" customHeight="1" x14ac:dyDescent="0.2">
      <c r="A25" s="214" t="s">
        <v>509</v>
      </c>
      <c r="B25" s="333"/>
      <c r="C25" s="332"/>
      <c r="D25" s="331"/>
    </row>
    <row r="26" spans="1:4" ht="30.75" customHeight="1" x14ac:dyDescent="0.2">
      <c r="A26" s="265" t="s">
        <v>508</v>
      </c>
      <c r="B26" s="330"/>
      <c r="C26" s="320"/>
      <c r="D26" s="255"/>
    </row>
    <row r="27" spans="1:4" ht="30.75" customHeight="1" x14ac:dyDescent="0.2">
      <c r="A27" s="301" t="s">
        <v>507</v>
      </c>
      <c r="B27" s="225" t="s">
        <v>8</v>
      </c>
      <c r="C27" s="220" t="s">
        <v>8</v>
      </c>
      <c r="D27" s="259"/>
    </row>
    <row r="28" spans="1:4" ht="87" customHeight="1" x14ac:dyDescent="0.2">
      <c r="A28" s="310" t="s">
        <v>506</v>
      </c>
      <c r="B28" s="217" t="s">
        <v>8</v>
      </c>
      <c r="C28" s="266" t="s">
        <v>8</v>
      </c>
      <c r="D28" s="215"/>
    </row>
    <row r="29" spans="1:4" ht="30.75" customHeight="1" x14ac:dyDescent="0.2">
      <c r="A29" s="275" t="s">
        <v>505</v>
      </c>
      <c r="B29" s="229"/>
      <c r="C29" s="256"/>
      <c r="D29" s="285" t="s">
        <v>504</v>
      </c>
    </row>
    <row r="30" spans="1:4" ht="30.75" customHeight="1" x14ac:dyDescent="0.2">
      <c r="A30" s="301" t="s">
        <v>503</v>
      </c>
      <c r="B30" s="258" t="s">
        <v>100</v>
      </c>
      <c r="C30" s="224" t="s">
        <v>100</v>
      </c>
      <c r="D30" s="261"/>
    </row>
    <row r="31" spans="1:4" ht="30.75" customHeight="1" x14ac:dyDescent="0.2">
      <c r="A31" s="251" t="s">
        <v>502</v>
      </c>
      <c r="B31" s="253" t="s">
        <v>100</v>
      </c>
      <c r="C31" s="268" t="s">
        <v>100</v>
      </c>
      <c r="D31" s="261"/>
    </row>
    <row r="32" spans="1:4" ht="30.75" customHeight="1" x14ac:dyDescent="0.2">
      <c r="A32" s="317" t="s">
        <v>501</v>
      </c>
      <c r="B32" s="253" t="s">
        <v>100</v>
      </c>
      <c r="C32" s="268" t="s">
        <v>100</v>
      </c>
      <c r="D32" s="261"/>
    </row>
    <row r="33" spans="1:4" ht="45" customHeight="1" x14ac:dyDescent="0.2">
      <c r="A33" s="233" t="s">
        <v>500</v>
      </c>
      <c r="B33" s="232" t="s">
        <v>100</v>
      </c>
      <c r="C33" s="249" t="s">
        <v>100</v>
      </c>
      <c r="D33" s="282"/>
    </row>
    <row r="34" spans="1:4" ht="30.75" customHeight="1" x14ac:dyDescent="0.2">
      <c r="A34" s="214" t="s">
        <v>499</v>
      </c>
      <c r="B34" s="213"/>
      <c r="C34" s="329"/>
      <c r="D34" s="329"/>
    </row>
    <row r="35" spans="1:4" ht="30.75" customHeight="1" x14ac:dyDescent="0.2">
      <c r="A35" s="325" t="s">
        <v>498</v>
      </c>
      <c r="B35" s="321" t="s">
        <v>100</v>
      </c>
      <c r="C35" s="328" t="s">
        <v>100</v>
      </c>
      <c r="D35" s="304" t="s">
        <v>497</v>
      </c>
    </row>
    <row r="36" spans="1:4" ht="56.25" customHeight="1" x14ac:dyDescent="0.2">
      <c r="A36" s="215" t="s">
        <v>496</v>
      </c>
      <c r="B36" s="312"/>
      <c r="C36" s="311"/>
      <c r="D36" s="324"/>
    </row>
    <row r="37" spans="1:4" ht="30.75" customHeight="1" x14ac:dyDescent="0.2">
      <c r="A37" s="265" t="s">
        <v>495</v>
      </c>
      <c r="B37" s="321" t="s">
        <v>100</v>
      </c>
      <c r="C37" s="321" t="s">
        <v>100</v>
      </c>
      <c r="D37" s="255"/>
    </row>
    <row r="38" spans="1:4" ht="34.5" customHeight="1" x14ac:dyDescent="0.2">
      <c r="A38" s="215" t="s">
        <v>494</v>
      </c>
      <c r="B38" s="312"/>
      <c r="C38" s="312"/>
      <c r="D38" s="273"/>
    </row>
    <row r="39" spans="1:4" ht="30.75" customHeight="1" x14ac:dyDescent="0.2">
      <c r="A39" s="327" t="s">
        <v>493</v>
      </c>
      <c r="B39" s="321" t="s">
        <v>100</v>
      </c>
      <c r="C39" s="321" t="s">
        <v>100</v>
      </c>
      <c r="D39" s="326"/>
    </row>
    <row r="40" spans="1:4" ht="42" customHeight="1" x14ac:dyDescent="0.2">
      <c r="A40" s="233" t="s">
        <v>492</v>
      </c>
      <c r="B40" s="312"/>
      <c r="C40" s="312"/>
      <c r="D40" s="273"/>
    </row>
    <row r="41" spans="1:4" ht="30.75" customHeight="1" x14ac:dyDescent="0.2">
      <c r="A41" s="325" t="s">
        <v>491</v>
      </c>
      <c r="B41" s="321" t="s">
        <v>100</v>
      </c>
      <c r="C41" s="321" t="s">
        <v>100</v>
      </c>
      <c r="D41" s="304" t="s">
        <v>490</v>
      </c>
    </row>
    <row r="42" spans="1:4" ht="42" customHeight="1" x14ac:dyDescent="0.2">
      <c r="A42" s="215" t="s">
        <v>489</v>
      </c>
      <c r="B42" s="312"/>
      <c r="C42" s="312"/>
      <c r="D42" s="324"/>
    </row>
    <row r="43" spans="1:4" ht="30.75" customHeight="1" x14ac:dyDescent="0.2">
      <c r="A43" s="262" t="s">
        <v>488</v>
      </c>
      <c r="B43" s="321" t="s">
        <v>100</v>
      </c>
      <c r="C43" s="321" t="s">
        <v>100</v>
      </c>
      <c r="D43" s="304"/>
    </row>
    <row r="44" spans="1:4" ht="34.5" customHeight="1" x14ac:dyDescent="0.2">
      <c r="A44" s="215" t="s">
        <v>487</v>
      </c>
      <c r="B44" s="312"/>
      <c r="C44" s="312"/>
      <c r="D44" s="324"/>
    </row>
    <row r="45" spans="1:4" ht="30.75" customHeight="1" x14ac:dyDescent="0.2">
      <c r="A45" s="230" t="s">
        <v>486</v>
      </c>
      <c r="B45" s="321" t="s">
        <v>100</v>
      </c>
      <c r="C45" s="321" t="s">
        <v>100</v>
      </c>
      <c r="D45" s="304" t="s">
        <v>485</v>
      </c>
    </row>
    <row r="46" spans="1:4" ht="42" customHeight="1" x14ac:dyDescent="0.2">
      <c r="A46" s="233" t="s">
        <v>484</v>
      </c>
      <c r="B46" s="312"/>
      <c r="C46" s="312"/>
      <c r="D46" s="324"/>
    </row>
    <row r="47" spans="1:4" ht="30.75" customHeight="1" x14ac:dyDescent="0.2">
      <c r="A47" s="275" t="s">
        <v>483</v>
      </c>
      <c r="B47" s="321" t="s">
        <v>100</v>
      </c>
      <c r="C47" s="321" t="s">
        <v>100</v>
      </c>
      <c r="D47" s="255"/>
    </row>
    <row r="48" spans="1:4" ht="34.5" customHeight="1" x14ac:dyDescent="0.2">
      <c r="A48" s="254" t="s">
        <v>482</v>
      </c>
      <c r="B48" s="312"/>
      <c r="C48" s="312"/>
      <c r="D48" s="261" t="s">
        <v>481</v>
      </c>
    </row>
    <row r="49" spans="1:4" ht="34.5" customHeight="1" x14ac:dyDescent="0.2">
      <c r="A49" s="251" t="s">
        <v>480</v>
      </c>
      <c r="B49" s="321" t="s">
        <v>100</v>
      </c>
      <c r="C49" s="321" t="s">
        <v>100</v>
      </c>
      <c r="D49" s="261"/>
    </row>
    <row r="50" spans="1:4" ht="42" customHeight="1" x14ac:dyDescent="0.2">
      <c r="A50" s="267" t="s">
        <v>479</v>
      </c>
      <c r="B50" s="312"/>
      <c r="C50" s="312"/>
      <c r="D50" s="215"/>
    </row>
    <row r="51" spans="1:4" ht="30.75" customHeight="1" x14ac:dyDescent="0.2">
      <c r="A51" s="230" t="s">
        <v>478</v>
      </c>
      <c r="B51" s="321" t="s">
        <v>100</v>
      </c>
      <c r="C51" s="321" t="s">
        <v>100</v>
      </c>
      <c r="D51" s="255"/>
    </row>
    <row r="52" spans="1:4" ht="46.5" customHeight="1" x14ac:dyDescent="0.2">
      <c r="A52" s="233" t="s">
        <v>477</v>
      </c>
      <c r="B52" s="312"/>
      <c r="C52" s="312"/>
      <c r="D52" s="273"/>
    </row>
    <row r="53" spans="1:4" ht="30.75" customHeight="1" x14ac:dyDescent="0.2">
      <c r="A53" s="262" t="s">
        <v>476</v>
      </c>
      <c r="B53" s="321" t="s">
        <v>100</v>
      </c>
      <c r="C53" s="321" t="s">
        <v>100</v>
      </c>
      <c r="D53" s="285" t="s">
        <v>475</v>
      </c>
    </row>
    <row r="54" spans="1:4" ht="34.5" customHeight="1" x14ac:dyDescent="0.2">
      <c r="A54" s="281" t="s">
        <v>474</v>
      </c>
      <c r="B54" s="312"/>
      <c r="C54" s="312"/>
      <c r="D54" s="261"/>
    </row>
    <row r="55" spans="1:4" ht="30.75" customHeight="1" x14ac:dyDescent="0.2">
      <c r="A55" s="215" t="s">
        <v>473</v>
      </c>
      <c r="B55" s="321" t="s">
        <v>100</v>
      </c>
      <c r="C55" s="321" t="s">
        <v>100</v>
      </c>
      <c r="D55" s="282"/>
    </row>
    <row r="56" spans="1:4" ht="30.75" customHeight="1" x14ac:dyDescent="0.2">
      <c r="A56" s="265" t="s">
        <v>472</v>
      </c>
      <c r="B56" s="312"/>
      <c r="C56" s="312"/>
      <c r="D56" s="255"/>
    </row>
    <row r="57" spans="1:4" ht="34.5" customHeight="1" x14ac:dyDescent="0.2">
      <c r="A57" s="226" t="s">
        <v>471</v>
      </c>
      <c r="B57" s="321" t="s">
        <v>100</v>
      </c>
      <c r="C57" s="321" t="s">
        <v>100</v>
      </c>
      <c r="D57" s="261" t="s">
        <v>470</v>
      </c>
    </row>
    <row r="58" spans="1:4" ht="34.5" customHeight="1" x14ac:dyDescent="0.2">
      <c r="A58" s="251" t="s">
        <v>469</v>
      </c>
      <c r="B58" s="312"/>
      <c r="C58" s="312"/>
      <c r="D58" s="261"/>
    </row>
    <row r="59" spans="1:4" ht="93" customHeight="1" x14ac:dyDescent="0.2">
      <c r="A59" s="251" t="s">
        <v>468</v>
      </c>
      <c r="B59" s="321" t="s">
        <v>100</v>
      </c>
      <c r="C59" s="321" t="s">
        <v>100</v>
      </c>
      <c r="D59" s="261"/>
    </row>
    <row r="60" spans="1:4" ht="44.25" customHeight="1" x14ac:dyDescent="0.2">
      <c r="A60" s="233" t="s">
        <v>467</v>
      </c>
      <c r="B60" s="312"/>
      <c r="C60" s="312"/>
      <c r="D60" s="282"/>
    </row>
    <row r="61" spans="1:4" ht="30.75" customHeight="1" x14ac:dyDescent="0.2">
      <c r="A61" s="265" t="s">
        <v>466</v>
      </c>
      <c r="B61" s="321" t="s">
        <v>100</v>
      </c>
      <c r="C61" s="321" t="s">
        <v>100</v>
      </c>
      <c r="D61" s="255"/>
    </row>
    <row r="62" spans="1:4" ht="34.5" customHeight="1" x14ac:dyDescent="0.2">
      <c r="A62" s="323" t="s">
        <v>465</v>
      </c>
      <c r="B62" s="312"/>
      <c r="C62" s="312"/>
      <c r="D62" s="215"/>
    </row>
    <row r="63" spans="1:4" ht="30.75" customHeight="1" x14ac:dyDescent="0.2">
      <c r="A63" s="265" t="s">
        <v>464</v>
      </c>
      <c r="B63" s="321" t="s">
        <v>100</v>
      </c>
      <c r="C63" s="321" t="s">
        <v>100</v>
      </c>
      <c r="D63" s="255"/>
    </row>
    <row r="64" spans="1:4" ht="34.5" customHeight="1" x14ac:dyDescent="0.2">
      <c r="A64" s="322" t="s">
        <v>463</v>
      </c>
      <c r="B64" s="312"/>
      <c r="C64" s="312"/>
      <c r="D64" s="219"/>
    </row>
    <row r="65" spans="1:4" ht="34.5" customHeight="1" x14ac:dyDescent="0.2">
      <c r="A65" s="317" t="s">
        <v>462</v>
      </c>
      <c r="B65" s="321" t="s">
        <v>100</v>
      </c>
      <c r="C65" s="321" t="s">
        <v>100</v>
      </c>
      <c r="D65" s="219"/>
    </row>
    <row r="66" spans="1:4" ht="42" customHeight="1" x14ac:dyDescent="0.2">
      <c r="A66" s="233" t="s">
        <v>461</v>
      </c>
      <c r="B66" s="312"/>
      <c r="C66" s="312"/>
      <c r="D66" s="215"/>
    </row>
    <row r="67" spans="1:4" ht="30.75" customHeight="1" x14ac:dyDescent="0.2">
      <c r="A67" s="265" t="s">
        <v>460</v>
      </c>
      <c r="B67" s="321" t="s">
        <v>100</v>
      </c>
      <c r="C67" s="321" t="s">
        <v>100</v>
      </c>
      <c r="D67" s="255"/>
    </row>
    <row r="68" spans="1:4" ht="69.599999999999994" customHeight="1" x14ac:dyDescent="0.2">
      <c r="A68" s="254" t="s">
        <v>459</v>
      </c>
      <c r="B68" s="312"/>
      <c r="C68" s="312"/>
      <c r="D68" s="320"/>
    </row>
    <row r="69" spans="1:4" ht="34.5" customHeight="1" x14ac:dyDescent="0.2">
      <c r="A69" s="317" t="s">
        <v>458</v>
      </c>
      <c r="B69" s="253" t="s">
        <v>100</v>
      </c>
      <c r="C69" s="268" t="s">
        <v>100</v>
      </c>
      <c r="D69" s="219"/>
    </row>
    <row r="70" spans="1:4" ht="42" customHeight="1" x14ac:dyDescent="0.2">
      <c r="A70" s="251" t="s">
        <v>457</v>
      </c>
      <c r="B70" s="253" t="s">
        <v>8</v>
      </c>
      <c r="C70" s="268" t="s">
        <v>8</v>
      </c>
      <c r="D70" s="219"/>
    </row>
    <row r="71" spans="1:4" ht="42" customHeight="1" x14ac:dyDescent="0.2">
      <c r="A71" s="251" t="s">
        <v>456</v>
      </c>
      <c r="B71" s="253" t="s">
        <v>8</v>
      </c>
      <c r="C71" s="268" t="s">
        <v>8</v>
      </c>
      <c r="D71" s="219"/>
    </row>
    <row r="72" spans="1:4" ht="103.5" customHeight="1" x14ac:dyDescent="0.2">
      <c r="A72" s="251" t="s">
        <v>455</v>
      </c>
      <c r="B72" s="253" t="s">
        <v>8</v>
      </c>
      <c r="C72" s="268" t="s">
        <v>8</v>
      </c>
      <c r="D72" s="219"/>
    </row>
    <row r="73" spans="1:4" ht="34.5" customHeight="1" x14ac:dyDescent="0.2">
      <c r="A73" s="317" t="s">
        <v>454</v>
      </c>
      <c r="B73" s="253" t="s">
        <v>100</v>
      </c>
      <c r="C73" s="268" t="s">
        <v>100</v>
      </c>
      <c r="D73" s="219" t="s">
        <v>453</v>
      </c>
    </row>
    <row r="74" spans="1:4" ht="113.4" customHeight="1" x14ac:dyDescent="0.2">
      <c r="A74" s="317" t="s">
        <v>452</v>
      </c>
      <c r="B74" s="253" t="s">
        <v>100</v>
      </c>
      <c r="C74" s="268" t="s">
        <v>100</v>
      </c>
      <c r="D74" s="219"/>
    </row>
    <row r="75" spans="1:4" ht="42" customHeight="1" x14ac:dyDescent="0.2">
      <c r="A75" s="317" t="s">
        <v>451</v>
      </c>
      <c r="B75" s="253" t="s">
        <v>8</v>
      </c>
      <c r="C75" s="268" t="s">
        <v>8</v>
      </c>
      <c r="D75" s="219"/>
    </row>
    <row r="76" spans="1:4" ht="94.5" customHeight="1" x14ac:dyDescent="0.2">
      <c r="A76" s="319" t="s">
        <v>450</v>
      </c>
      <c r="B76" s="253" t="s">
        <v>8</v>
      </c>
      <c r="C76" s="268" t="s">
        <v>8</v>
      </c>
      <c r="D76" s="219"/>
    </row>
    <row r="77" spans="1:4" ht="42" customHeight="1" x14ac:dyDescent="0.2">
      <c r="A77" s="319" t="s">
        <v>449</v>
      </c>
      <c r="B77" s="253" t="s">
        <v>8</v>
      </c>
      <c r="C77" s="268" t="s">
        <v>8</v>
      </c>
      <c r="D77" s="219"/>
    </row>
    <row r="78" spans="1:4" ht="34.5" customHeight="1" x14ac:dyDescent="0.2">
      <c r="A78" s="316" t="s">
        <v>448</v>
      </c>
      <c r="B78" s="232" t="s">
        <v>8</v>
      </c>
      <c r="C78" s="249" t="s">
        <v>8</v>
      </c>
      <c r="D78" s="215"/>
    </row>
    <row r="79" spans="1:4" ht="34.5" customHeight="1" x14ac:dyDescent="0.2">
      <c r="A79" s="318" t="s">
        <v>447</v>
      </c>
      <c r="B79" s="225"/>
      <c r="C79" s="220"/>
      <c r="D79" s="219"/>
    </row>
    <row r="80" spans="1:4" ht="30.75" customHeight="1" x14ac:dyDescent="0.2">
      <c r="A80" s="275" t="s">
        <v>446</v>
      </c>
      <c r="B80" s="229"/>
      <c r="C80" s="256"/>
      <c r="D80" s="255"/>
    </row>
    <row r="81" spans="1:4" ht="34.5" customHeight="1" x14ac:dyDescent="0.2">
      <c r="A81" s="318" t="s">
        <v>445</v>
      </c>
      <c r="B81" s="258" t="s">
        <v>100</v>
      </c>
      <c r="C81" s="224" t="s">
        <v>100</v>
      </c>
      <c r="D81" s="219"/>
    </row>
    <row r="82" spans="1:4" ht="34.5" customHeight="1" x14ac:dyDescent="0.2">
      <c r="A82" s="317" t="s">
        <v>444</v>
      </c>
      <c r="B82" s="253" t="s">
        <v>100</v>
      </c>
      <c r="C82" s="268" t="s">
        <v>100</v>
      </c>
      <c r="D82" s="219"/>
    </row>
    <row r="83" spans="1:4" ht="72" customHeight="1" x14ac:dyDescent="0.2">
      <c r="A83" s="316" t="s">
        <v>443</v>
      </c>
      <c r="B83" s="217" t="s">
        <v>100</v>
      </c>
      <c r="C83" s="266" t="s">
        <v>100</v>
      </c>
      <c r="D83" s="215"/>
    </row>
    <row r="84" spans="1:4" ht="30.75" customHeight="1" x14ac:dyDescent="0.2">
      <c r="A84" s="275" t="s">
        <v>442</v>
      </c>
      <c r="B84" s="229"/>
      <c r="C84" s="228"/>
      <c r="D84" s="285" t="s">
        <v>441</v>
      </c>
    </row>
    <row r="85" spans="1:4" ht="34.5" customHeight="1" x14ac:dyDescent="0.2">
      <c r="A85" s="219" t="s">
        <v>440</v>
      </c>
      <c r="B85" s="258" t="s">
        <v>100</v>
      </c>
      <c r="C85" s="299" t="s">
        <v>100</v>
      </c>
      <c r="D85" s="261"/>
    </row>
    <row r="86" spans="1:4" ht="33.75" customHeight="1" x14ac:dyDescent="0.2">
      <c r="A86" s="302" t="s">
        <v>439</v>
      </c>
      <c r="B86" s="253" t="s">
        <v>100</v>
      </c>
      <c r="C86" s="268" t="s">
        <v>100</v>
      </c>
      <c r="D86" s="261"/>
    </row>
    <row r="87" spans="1:4" ht="30.75" customHeight="1" x14ac:dyDescent="0.2">
      <c r="A87" s="302" t="s">
        <v>438</v>
      </c>
      <c r="B87" s="253" t="s">
        <v>100</v>
      </c>
      <c r="C87" s="268" t="s">
        <v>100</v>
      </c>
      <c r="D87" s="261"/>
    </row>
    <row r="88" spans="1:4" ht="30.75" customHeight="1" x14ac:dyDescent="0.2">
      <c r="A88" s="315" t="s">
        <v>437</v>
      </c>
      <c r="B88" s="253" t="s">
        <v>100</v>
      </c>
      <c r="C88" s="268" t="s">
        <v>100</v>
      </c>
      <c r="D88" s="219"/>
    </row>
    <row r="89" spans="1:4" ht="30.75" customHeight="1" x14ac:dyDescent="0.2">
      <c r="A89" s="302" t="s">
        <v>436</v>
      </c>
      <c r="B89" s="253" t="s">
        <v>100</v>
      </c>
      <c r="C89" s="268" t="s">
        <v>100</v>
      </c>
      <c r="D89" s="219"/>
    </row>
    <row r="90" spans="1:4" ht="30.75" customHeight="1" x14ac:dyDescent="0.2">
      <c r="A90" s="315" t="s">
        <v>435</v>
      </c>
      <c r="B90" s="253" t="s">
        <v>100</v>
      </c>
      <c r="C90" s="268" t="s">
        <v>100</v>
      </c>
      <c r="D90" s="219"/>
    </row>
    <row r="91" spans="1:4" ht="30.75" customHeight="1" x14ac:dyDescent="0.2">
      <c r="A91" s="302" t="s">
        <v>434</v>
      </c>
      <c r="B91" s="253" t="s">
        <v>100</v>
      </c>
      <c r="C91" s="268" t="s">
        <v>100</v>
      </c>
      <c r="D91" s="219"/>
    </row>
    <row r="92" spans="1:4" ht="34.5" customHeight="1" x14ac:dyDescent="0.2">
      <c r="A92" s="219" t="s">
        <v>433</v>
      </c>
      <c r="B92" s="314" t="s">
        <v>8</v>
      </c>
      <c r="C92" s="313" t="s">
        <v>8</v>
      </c>
      <c r="D92" s="219"/>
    </row>
    <row r="93" spans="1:4" ht="57.75" customHeight="1" x14ac:dyDescent="0.2">
      <c r="A93" s="310" t="s">
        <v>432</v>
      </c>
      <c r="B93" s="312"/>
      <c r="C93" s="311"/>
      <c r="D93" s="215"/>
    </row>
    <row r="94" spans="1:4" ht="30.75" customHeight="1" x14ac:dyDescent="0.2">
      <c r="A94" s="230" t="s">
        <v>431</v>
      </c>
      <c r="B94" s="229"/>
      <c r="C94" s="228"/>
      <c r="D94" s="255"/>
    </row>
    <row r="95" spans="1:4" ht="30.75" customHeight="1" x14ac:dyDescent="0.2">
      <c r="A95" s="310" t="s">
        <v>430</v>
      </c>
      <c r="B95" s="232" t="s">
        <v>100</v>
      </c>
      <c r="C95" s="249" t="s">
        <v>100</v>
      </c>
      <c r="D95" s="215"/>
    </row>
    <row r="96" spans="1:4" ht="30.75" customHeight="1" x14ac:dyDescent="0.2">
      <c r="A96" s="275" t="s">
        <v>429</v>
      </c>
      <c r="B96" s="229"/>
      <c r="C96" s="228"/>
      <c r="D96" s="255"/>
    </row>
    <row r="97" spans="1:4" ht="34.5" customHeight="1" x14ac:dyDescent="0.2">
      <c r="A97" s="309" t="s">
        <v>428</v>
      </c>
      <c r="B97" s="232" t="s">
        <v>100</v>
      </c>
      <c r="C97" s="249" t="s">
        <v>100</v>
      </c>
      <c r="D97" s="215"/>
    </row>
    <row r="98" spans="1:4" ht="34.5" customHeight="1" x14ac:dyDescent="0.2">
      <c r="A98" s="230" t="s">
        <v>427</v>
      </c>
      <c r="B98" s="229"/>
      <c r="C98" s="256"/>
      <c r="D98" s="255"/>
    </row>
    <row r="99" spans="1:4" ht="48.75" customHeight="1" x14ac:dyDescent="0.2">
      <c r="A99" s="219" t="s">
        <v>426</v>
      </c>
      <c r="B99" s="258" t="s">
        <v>8</v>
      </c>
      <c r="C99" s="224" t="s">
        <v>8</v>
      </c>
      <c r="D99" s="261" t="s">
        <v>425</v>
      </c>
    </row>
    <row r="100" spans="1:4" ht="34.5" customHeight="1" x14ac:dyDescent="0.2">
      <c r="A100" s="251" t="s">
        <v>424</v>
      </c>
      <c r="B100" s="253" t="s">
        <v>100</v>
      </c>
      <c r="C100" s="268" t="s">
        <v>100</v>
      </c>
      <c r="D100" s="261"/>
    </row>
    <row r="101" spans="1:4" ht="84.75" customHeight="1" x14ac:dyDescent="0.2">
      <c r="A101" s="251" t="s">
        <v>423</v>
      </c>
      <c r="B101" s="253" t="s">
        <v>100</v>
      </c>
      <c r="C101" s="268" t="s">
        <v>100</v>
      </c>
      <c r="D101" s="261"/>
    </row>
    <row r="102" spans="1:4" ht="45" customHeight="1" x14ac:dyDescent="0.2">
      <c r="A102" s="251" t="s">
        <v>422</v>
      </c>
      <c r="B102" s="253" t="s">
        <v>100</v>
      </c>
      <c r="C102" s="268" t="s">
        <v>100</v>
      </c>
      <c r="D102" s="261"/>
    </row>
    <row r="103" spans="1:4" s="308" customFormat="1" ht="45" customHeight="1" x14ac:dyDescent="0.2">
      <c r="A103" s="251" t="s">
        <v>421</v>
      </c>
      <c r="B103" s="253" t="s">
        <v>100</v>
      </c>
      <c r="C103" s="268" t="s">
        <v>100</v>
      </c>
      <c r="D103" s="261"/>
    </row>
    <row r="104" spans="1:4" ht="34.5" customHeight="1" x14ac:dyDescent="0.2">
      <c r="A104" s="251" t="s">
        <v>420</v>
      </c>
      <c r="B104" s="253" t="s">
        <v>100</v>
      </c>
      <c r="C104" s="268" t="s">
        <v>100</v>
      </c>
      <c r="D104" s="261"/>
    </row>
    <row r="105" spans="1:4" ht="42" customHeight="1" x14ac:dyDescent="0.2">
      <c r="A105" s="254" t="s">
        <v>419</v>
      </c>
      <c r="B105" s="253" t="s">
        <v>100</v>
      </c>
      <c r="C105" s="307" t="s">
        <v>100</v>
      </c>
      <c r="D105" s="261"/>
    </row>
    <row r="106" spans="1:4" ht="266.25" customHeight="1" x14ac:dyDescent="0.2">
      <c r="A106" s="233" t="s">
        <v>418</v>
      </c>
      <c r="B106" s="306"/>
      <c r="C106" s="305"/>
      <c r="D106" s="282"/>
    </row>
    <row r="107" spans="1:4" ht="30.75" customHeight="1" x14ac:dyDescent="0.2">
      <c r="A107" s="275" t="s">
        <v>417</v>
      </c>
      <c r="B107" s="229"/>
      <c r="C107" s="228"/>
      <c r="D107" s="304" t="s">
        <v>416</v>
      </c>
    </row>
    <row r="108" spans="1:4" ht="34.5" customHeight="1" x14ac:dyDescent="0.2">
      <c r="A108" s="226" t="s">
        <v>415</v>
      </c>
      <c r="B108" s="258" t="s">
        <v>100</v>
      </c>
      <c r="C108" s="220" t="s">
        <v>100</v>
      </c>
      <c r="D108" s="303"/>
    </row>
    <row r="109" spans="1:4" ht="60" customHeight="1" x14ac:dyDescent="0.2">
      <c r="A109" s="302" t="s">
        <v>414</v>
      </c>
      <c r="B109" s="253" t="s">
        <v>100</v>
      </c>
      <c r="C109" s="268" t="s">
        <v>100</v>
      </c>
      <c r="D109" s="219"/>
    </row>
    <row r="110" spans="1:4" ht="45" customHeight="1" x14ac:dyDescent="0.2">
      <c r="A110" s="267" t="s">
        <v>413</v>
      </c>
      <c r="B110" s="217" t="s">
        <v>100</v>
      </c>
      <c r="C110" s="216" t="s">
        <v>100</v>
      </c>
      <c r="D110" s="215"/>
    </row>
    <row r="111" spans="1:4" ht="30.75" customHeight="1" x14ac:dyDescent="0.2">
      <c r="A111" s="275" t="s">
        <v>412</v>
      </c>
      <c r="B111" s="229"/>
      <c r="C111" s="256"/>
      <c r="D111" s="255"/>
    </row>
    <row r="112" spans="1:4" ht="34.5" customHeight="1" x14ac:dyDescent="0.2">
      <c r="A112" s="226" t="s">
        <v>411</v>
      </c>
      <c r="B112" s="225" t="s">
        <v>100</v>
      </c>
      <c r="C112" s="224" t="s">
        <v>100</v>
      </c>
      <c r="D112" s="219"/>
    </row>
    <row r="113" spans="1:4" ht="42" customHeight="1" x14ac:dyDescent="0.2">
      <c r="A113" s="251" t="s">
        <v>410</v>
      </c>
      <c r="B113" s="253" t="s">
        <v>100</v>
      </c>
      <c r="C113" s="268" t="s">
        <v>100</v>
      </c>
      <c r="D113" s="219"/>
    </row>
    <row r="114" spans="1:4" ht="34.5" customHeight="1" x14ac:dyDescent="0.2">
      <c r="A114" s="233" t="s">
        <v>409</v>
      </c>
      <c r="B114" s="232" t="s">
        <v>100</v>
      </c>
      <c r="C114" s="249" t="s">
        <v>100</v>
      </c>
      <c r="D114" s="215"/>
    </row>
    <row r="115" spans="1:4" ht="30.75" customHeight="1" x14ac:dyDescent="0.2">
      <c r="A115" s="275" t="s">
        <v>408</v>
      </c>
      <c r="B115" s="229"/>
      <c r="C115" s="228"/>
      <c r="D115" s="255"/>
    </row>
    <row r="116" spans="1:4" ht="34.5" customHeight="1" x14ac:dyDescent="0.2">
      <c r="A116" s="301" t="s">
        <v>407</v>
      </c>
      <c r="B116" s="258" t="s">
        <v>100</v>
      </c>
      <c r="C116" s="299" t="s">
        <v>100</v>
      </c>
      <c r="D116" s="219"/>
    </row>
    <row r="117" spans="1:4" ht="34.5" customHeight="1" x14ac:dyDescent="0.2">
      <c r="A117" s="215" t="s">
        <v>406</v>
      </c>
      <c r="B117" s="232" t="s">
        <v>100</v>
      </c>
      <c r="C117" s="249" t="s">
        <v>100</v>
      </c>
      <c r="D117" s="215"/>
    </row>
    <row r="118" spans="1:4" ht="30.75" customHeight="1" x14ac:dyDescent="0.2">
      <c r="A118" s="262" t="s">
        <v>405</v>
      </c>
      <c r="B118" s="229"/>
      <c r="C118" s="256"/>
      <c r="D118" s="285" t="s">
        <v>404</v>
      </c>
    </row>
    <row r="119" spans="1:4" ht="34.5" customHeight="1" x14ac:dyDescent="0.2">
      <c r="A119" s="254" t="s">
        <v>403</v>
      </c>
      <c r="B119" s="258" t="s">
        <v>100</v>
      </c>
      <c r="C119" s="224" t="s">
        <v>100</v>
      </c>
      <c r="D119" s="261"/>
    </row>
    <row r="120" spans="1:4" ht="34.5" customHeight="1" x14ac:dyDescent="0.2">
      <c r="A120" s="215" t="s">
        <v>402</v>
      </c>
      <c r="B120" s="232" t="s">
        <v>100</v>
      </c>
      <c r="C120" s="249" t="s">
        <v>100</v>
      </c>
      <c r="D120" s="282"/>
    </row>
    <row r="121" spans="1:4" ht="30.75" customHeight="1" x14ac:dyDescent="0.2">
      <c r="A121" s="230" t="s">
        <v>401</v>
      </c>
      <c r="B121" s="229"/>
      <c r="C121" s="228"/>
      <c r="D121" s="255"/>
    </row>
    <row r="122" spans="1:4" ht="45" customHeight="1" x14ac:dyDescent="0.2">
      <c r="A122" s="233" t="s">
        <v>400</v>
      </c>
      <c r="B122" s="232" t="s">
        <v>100</v>
      </c>
      <c r="C122" s="249" t="s">
        <v>100</v>
      </c>
      <c r="D122" s="215"/>
    </row>
    <row r="123" spans="1:4" ht="30.75" customHeight="1" x14ac:dyDescent="0.2">
      <c r="A123" s="265" t="s">
        <v>399</v>
      </c>
      <c r="B123" s="229"/>
      <c r="C123" s="228"/>
      <c r="D123" s="300" t="s">
        <v>398</v>
      </c>
    </row>
    <row r="124" spans="1:4" ht="268.5" customHeight="1" x14ac:dyDescent="0.2">
      <c r="A124" s="254" t="s">
        <v>397</v>
      </c>
      <c r="B124" s="258" t="s">
        <v>100</v>
      </c>
      <c r="C124" s="299" t="s">
        <v>100</v>
      </c>
      <c r="D124" s="298"/>
    </row>
    <row r="125" spans="1:4" ht="30.75" customHeight="1" x14ac:dyDescent="0.2">
      <c r="A125" s="219" t="s">
        <v>396</v>
      </c>
      <c r="B125" s="225" t="s">
        <v>100</v>
      </c>
      <c r="C125" s="220" t="s">
        <v>100</v>
      </c>
      <c r="D125" s="219"/>
    </row>
    <row r="126" spans="1:4" ht="30.75" customHeight="1" x14ac:dyDescent="0.2">
      <c r="A126" s="297" t="s">
        <v>395</v>
      </c>
      <c r="B126" s="217" t="s">
        <v>100</v>
      </c>
      <c r="C126" s="266" t="s">
        <v>100</v>
      </c>
      <c r="D126" s="215"/>
    </row>
    <row r="127" spans="1:4" ht="30.75" customHeight="1" x14ac:dyDescent="0.2">
      <c r="A127" s="230" t="s">
        <v>394</v>
      </c>
      <c r="B127" s="229"/>
      <c r="C127" s="256"/>
      <c r="D127" s="255"/>
    </row>
    <row r="128" spans="1:4" ht="81" customHeight="1" x14ac:dyDescent="0.2">
      <c r="A128" s="281" t="s">
        <v>393</v>
      </c>
      <c r="B128" s="225" t="s">
        <v>100</v>
      </c>
      <c r="C128" s="224" t="s">
        <v>100</v>
      </c>
      <c r="D128" s="261" t="s">
        <v>392</v>
      </c>
    </row>
    <row r="129" spans="1:4" ht="59.25" customHeight="1" x14ac:dyDescent="0.2">
      <c r="A129" s="251" t="s">
        <v>391</v>
      </c>
      <c r="B129" s="253" t="s">
        <v>100</v>
      </c>
      <c r="C129" s="268" t="s">
        <v>100</v>
      </c>
      <c r="D129" s="296"/>
    </row>
    <row r="130" spans="1:4" ht="129" customHeight="1" x14ac:dyDescent="0.2">
      <c r="A130" s="251" t="s">
        <v>390</v>
      </c>
      <c r="B130" s="253" t="s">
        <v>100</v>
      </c>
      <c r="C130" s="268" t="s">
        <v>100</v>
      </c>
      <c r="D130" s="295" t="s">
        <v>389</v>
      </c>
    </row>
    <row r="131" spans="1:4" ht="34.5" customHeight="1" x14ac:dyDescent="0.2">
      <c r="A131" s="246" t="s">
        <v>388</v>
      </c>
      <c r="B131" s="245" t="s">
        <v>100</v>
      </c>
      <c r="C131" s="279" t="s">
        <v>100</v>
      </c>
      <c r="D131" s="288"/>
    </row>
    <row r="132" spans="1:4" ht="42" customHeight="1" x14ac:dyDescent="0.2">
      <c r="A132" s="287" t="s">
        <v>387</v>
      </c>
      <c r="B132" s="271" t="s">
        <v>100</v>
      </c>
      <c r="C132" s="277" t="s">
        <v>100</v>
      </c>
      <c r="D132" s="274" t="s">
        <v>386</v>
      </c>
    </row>
    <row r="133" spans="1:4" ht="30" customHeight="1" x14ac:dyDescent="0.2">
      <c r="A133" s="275" t="s">
        <v>385</v>
      </c>
      <c r="B133" s="229"/>
      <c r="C133" s="256"/>
      <c r="D133" s="255"/>
    </row>
    <row r="134" spans="1:4" ht="95.25" customHeight="1" x14ac:dyDescent="0.2">
      <c r="A134" s="233" t="s">
        <v>384</v>
      </c>
      <c r="B134" s="232" t="s">
        <v>100</v>
      </c>
      <c r="C134" s="231" t="s">
        <v>100</v>
      </c>
      <c r="D134" s="273" t="s">
        <v>383</v>
      </c>
    </row>
    <row r="135" spans="1:4" ht="30.75" customHeight="1" x14ac:dyDescent="0.2">
      <c r="A135" s="294" t="s">
        <v>382</v>
      </c>
      <c r="B135" s="293"/>
      <c r="C135" s="292"/>
      <c r="D135" s="291"/>
    </row>
    <row r="136" spans="1:4" ht="179.25" customHeight="1" x14ac:dyDescent="0.2">
      <c r="A136" s="260" t="s">
        <v>381</v>
      </c>
      <c r="B136" s="290" t="s">
        <v>100</v>
      </c>
      <c r="C136" s="289" t="s">
        <v>100</v>
      </c>
      <c r="D136" s="288" t="s">
        <v>380</v>
      </c>
    </row>
    <row r="137" spans="1:4" ht="45" customHeight="1" x14ac:dyDescent="0.2">
      <c r="A137" s="246" t="s">
        <v>379</v>
      </c>
      <c r="B137" s="245" t="s">
        <v>100</v>
      </c>
      <c r="C137" s="279" t="s">
        <v>100</v>
      </c>
      <c r="D137" s="288" t="s">
        <v>378</v>
      </c>
    </row>
    <row r="138" spans="1:4" ht="34.5" customHeight="1" x14ac:dyDescent="0.2">
      <c r="A138" s="287" t="s">
        <v>377</v>
      </c>
      <c r="B138" s="239" t="s">
        <v>100</v>
      </c>
      <c r="C138" s="286" t="s">
        <v>100</v>
      </c>
      <c r="D138" s="274"/>
    </row>
    <row r="139" spans="1:4" ht="30.75" customHeight="1" x14ac:dyDescent="0.2">
      <c r="A139" s="269" t="s">
        <v>376</v>
      </c>
      <c r="B139" s="229"/>
      <c r="C139" s="228"/>
      <c r="D139" s="285" t="s">
        <v>375</v>
      </c>
    </row>
    <row r="140" spans="1:4" ht="61.2" customHeight="1" x14ac:dyDescent="0.2">
      <c r="A140" s="284" t="s">
        <v>374</v>
      </c>
      <c r="B140" s="283" t="s">
        <v>100</v>
      </c>
      <c r="C140" s="224" t="s">
        <v>100</v>
      </c>
      <c r="D140" s="261"/>
    </row>
    <row r="141" spans="1:4" ht="34.5" customHeight="1" x14ac:dyDescent="0.2">
      <c r="A141" s="215" t="s">
        <v>373</v>
      </c>
      <c r="B141" s="232" t="s">
        <v>100</v>
      </c>
      <c r="C141" s="249" t="s">
        <v>100</v>
      </c>
      <c r="D141" s="282"/>
    </row>
    <row r="142" spans="1:4" ht="30.75" customHeight="1" x14ac:dyDescent="0.2">
      <c r="A142" s="262" t="s">
        <v>372</v>
      </c>
      <c r="B142" s="229"/>
      <c r="C142" s="256"/>
      <c r="D142" s="255"/>
    </row>
    <row r="143" spans="1:4" ht="34.5" customHeight="1" x14ac:dyDescent="0.2">
      <c r="A143" s="281" t="s">
        <v>371</v>
      </c>
      <c r="B143" s="258" t="s">
        <v>100</v>
      </c>
      <c r="C143" s="224" t="s">
        <v>100</v>
      </c>
      <c r="D143" s="219"/>
    </row>
    <row r="144" spans="1:4" ht="30.75" customHeight="1" x14ac:dyDescent="0.2">
      <c r="A144" s="280" t="s">
        <v>370</v>
      </c>
      <c r="B144" s="245" t="s">
        <v>100</v>
      </c>
      <c r="C144" s="279" t="s">
        <v>100</v>
      </c>
      <c r="D144" s="278" t="s">
        <v>369</v>
      </c>
    </row>
    <row r="145" spans="1:4" ht="60" customHeight="1" x14ac:dyDescent="0.2">
      <c r="A145" s="280" t="s">
        <v>368</v>
      </c>
      <c r="B145" s="245" t="s">
        <v>100</v>
      </c>
      <c r="C145" s="279" t="s">
        <v>100</v>
      </c>
      <c r="D145" s="278"/>
    </row>
    <row r="146" spans="1:4" ht="30.75" customHeight="1" x14ac:dyDescent="0.2">
      <c r="A146" s="280" t="s">
        <v>367</v>
      </c>
      <c r="B146" s="245" t="s">
        <v>100</v>
      </c>
      <c r="C146" s="279" t="s">
        <v>100</v>
      </c>
      <c r="D146" s="278"/>
    </row>
    <row r="147" spans="1:4" ht="45" customHeight="1" x14ac:dyDescent="0.2">
      <c r="A147" s="280" t="s">
        <v>366</v>
      </c>
      <c r="B147" s="245" t="s">
        <v>100</v>
      </c>
      <c r="C147" s="279" t="s">
        <v>100</v>
      </c>
      <c r="D147" s="278"/>
    </row>
    <row r="148" spans="1:4" ht="45" customHeight="1" x14ac:dyDescent="0.2">
      <c r="A148" s="274" t="s">
        <v>365</v>
      </c>
      <c r="B148" s="271" t="s">
        <v>100</v>
      </c>
      <c r="C148" s="277" t="s">
        <v>100</v>
      </c>
      <c r="D148" s="276"/>
    </row>
    <row r="149" spans="1:4" ht="30.75" customHeight="1" x14ac:dyDescent="0.2">
      <c r="A149" s="275" t="s">
        <v>364</v>
      </c>
      <c r="B149" s="229"/>
      <c r="C149" s="256"/>
      <c r="D149" s="255"/>
    </row>
    <row r="150" spans="1:4" ht="34.5" customHeight="1" x14ac:dyDescent="0.2">
      <c r="A150" s="226" t="s">
        <v>363</v>
      </c>
      <c r="B150" s="258" t="s">
        <v>100</v>
      </c>
      <c r="C150" s="224" t="s">
        <v>100</v>
      </c>
      <c r="D150" s="219"/>
    </row>
    <row r="151" spans="1:4" ht="30.75" customHeight="1" x14ac:dyDescent="0.2">
      <c r="A151" s="251" t="s">
        <v>362</v>
      </c>
      <c r="B151" s="253" t="s">
        <v>100</v>
      </c>
      <c r="C151" s="268" t="s">
        <v>100</v>
      </c>
      <c r="D151" s="219"/>
    </row>
    <row r="152" spans="1:4" ht="34.5" customHeight="1" x14ac:dyDescent="0.2">
      <c r="A152" s="233" t="s">
        <v>361</v>
      </c>
      <c r="B152" s="232" t="s">
        <v>100</v>
      </c>
      <c r="C152" s="249" t="s">
        <v>100</v>
      </c>
      <c r="D152" s="215"/>
    </row>
    <row r="153" spans="1:4" ht="30.75" customHeight="1" x14ac:dyDescent="0.2">
      <c r="A153" s="275" t="s">
        <v>360</v>
      </c>
      <c r="B153" s="229"/>
      <c r="C153" s="256"/>
      <c r="D153" s="255"/>
    </row>
    <row r="154" spans="1:4" ht="63.75" customHeight="1" x14ac:dyDescent="0.2">
      <c r="A154" s="274" t="s">
        <v>359</v>
      </c>
      <c r="B154" s="271" t="s">
        <v>100</v>
      </c>
      <c r="C154" s="270" t="s">
        <v>100</v>
      </c>
      <c r="D154" s="273"/>
    </row>
    <row r="155" spans="1:4" ht="63.75" customHeight="1" x14ac:dyDescent="0.2">
      <c r="A155" s="272" t="s">
        <v>358</v>
      </c>
      <c r="B155" s="271" t="s">
        <v>100</v>
      </c>
      <c r="C155" s="270" t="s">
        <v>100</v>
      </c>
      <c r="D155" s="259"/>
    </row>
    <row r="156" spans="1:4" ht="30.75" customHeight="1" x14ac:dyDescent="0.2">
      <c r="A156" s="269" t="s">
        <v>357</v>
      </c>
      <c r="B156" s="229"/>
      <c r="C156" s="256"/>
      <c r="D156" s="255"/>
    </row>
    <row r="157" spans="1:4" ht="84" customHeight="1" x14ac:dyDescent="0.2">
      <c r="A157" s="254" t="s">
        <v>356</v>
      </c>
      <c r="B157" s="225" t="s">
        <v>100</v>
      </c>
      <c r="C157" s="224" t="s">
        <v>100</v>
      </c>
      <c r="D157" s="259" t="s">
        <v>355</v>
      </c>
    </row>
    <row r="158" spans="1:4" ht="60" customHeight="1" x14ac:dyDescent="0.2">
      <c r="A158" s="251" t="s">
        <v>354</v>
      </c>
      <c r="B158" s="253" t="s">
        <v>100</v>
      </c>
      <c r="C158" s="268" t="s">
        <v>100</v>
      </c>
      <c r="D158" s="219"/>
    </row>
    <row r="159" spans="1:4" ht="42" customHeight="1" x14ac:dyDescent="0.2">
      <c r="A159" s="267" t="s">
        <v>353</v>
      </c>
      <c r="B159" s="217" t="s">
        <v>100</v>
      </c>
      <c r="C159" s="266" t="s">
        <v>100</v>
      </c>
      <c r="D159" s="215"/>
    </row>
    <row r="160" spans="1:4" ht="30.75" customHeight="1" x14ac:dyDescent="0.2">
      <c r="A160" s="265" t="s">
        <v>352</v>
      </c>
      <c r="B160" s="229"/>
      <c r="C160" s="256"/>
      <c r="D160" s="255"/>
    </row>
    <row r="161" spans="1:4" ht="30.75" customHeight="1" x14ac:dyDescent="0.2">
      <c r="A161" s="233" t="s">
        <v>351</v>
      </c>
      <c r="B161" s="232" t="s">
        <v>100</v>
      </c>
      <c r="C161" s="231" t="s">
        <v>100</v>
      </c>
      <c r="D161" s="264" t="s">
        <v>350</v>
      </c>
    </row>
    <row r="162" spans="1:4" ht="30.75" customHeight="1" x14ac:dyDescent="0.2">
      <c r="A162" s="230" t="s">
        <v>349</v>
      </c>
      <c r="B162" s="229"/>
      <c r="C162" s="228"/>
      <c r="D162" s="255"/>
    </row>
    <row r="163" spans="1:4" ht="47.4" customHeight="1" x14ac:dyDescent="0.2">
      <c r="A163" s="233" t="s">
        <v>348</v>
      </c>
      <c r="B163" s="232" t="s">
        <v>100</v>
      </c>
      <c r="C163" s="249" t="s">
        <v>100</v>
      </c>
      <c r="D163" s="263"/>
    </row>
    <row r="164" spans="1:4" ht="30.75" customHeight="1" x14ac:dyDescent="0.2">
      <c r="A164" s="262" t="s">
        <v>347</v>
      </c>
      <c r="B164" s="229"/>
      <c r="C164" s="228"/>
      <c r="D164" s="255"/>
    </row>
    <row r="165" spans="1:4" ht="42.75" customHeight="1" x14ac:dyDescent="0.2">
      <c r="A165" s="226" t="s">
        <v>346</v>
      </c>
      <c r="B165" s="225" t="s">
        <v>100</v>
      </c>
      <c r="C165" s="224" t="s">
        <v>100</v>
      </c>
      <c r="D165" s="261" t="s">
        <v>345</v>
      </c>
    </row>
    <row r="166" spans="1:4" ht="42" customHeight="1" x14ac:dyDescent="0.2">
      <c r="A166" s="222" t="s">
        <v>344</v>
      </c>
      <c r="B166" s="253" t="s">
        <v>100</v>
      </c>
      <c r="C166" s="223" t="s">
        <v>100</v>
      </c>
      <c r="D166" s="261"/>
    </row>
    <row r="167" spans="1:4" ht="30" customHeight="1" x14ac:dyDescent="0.2">
      <c r="A167" s="251" t="s">
        <v>343</v>
      </c>
      <c r="B167" s="258" t="s">
        <v>100</v>
      </c>
      <c r="C167" s="220" t="s">
        <v>100</v>
      </c>
      <c r="D167" s="261"/>
    </row>
    <row r="168" spans="1:4" ht="67.5" customHeight="1" x14ac:dyDescent="0.2">
      <c r="A168" s="254" t="s">
        <v>342</v>
      </c>
      <c r="B168" s="225" t="s">
        <v>100</v>
      </c>
      <c r="C168" s="223" t="s">
        <v>100</v>
      </c>
      <c r="D168" s="219"/>
    </row>
    <row r="169" spans="1:4" ht="42" customHeight="1" x14ac:dyDescent="0.2">
      <c r="A169" s="226" t="s">
        <v>341</v>
      </c>
      <c r="B169" s="253" t="s">
        <v>100</v>
      </c>
      <c r="C169" s="223" t="s">
        <v>100</v>
      </c>
      <c r="D169" s="219"/>
    </row>
    <row r="170" spans="1:4" ht="30.75" customHeight="1" x14ac:dyDescent="0.2">
      <c r="A170" s="251" t="s">
        <v>340</v>
      </c>
      <c r="B170" s="253" t="s">
        <v>100</v>
      </c>
      <c r="C170" s="223" t="s">
        <v>100</v>
      </c>
      <c r="D170" s="219"/>
    </row>
    <row r="171" spans="1:4" ht="42" customHeight="1" x14ac:dyDescent="0.2">
      <c r="A171" s="251" t="s">
        <v>339</v>
      </c>
      <c r="B171" s="253" t="s">
        <v>100</v>
      </c>
      <c r="C171" s="220" t="s">
        <v>100</v>
      </c>
      <c r="D171" s="219"/>
    </row>
    <row r="172" spans="1:4" ht="34.5" customHeight="1" x14ac:dyDescent="0.2">
      <c r="A172" s="233" t="s">
        <v>338</v>
      </c>
      <c r="B172" s="232" t="s">
        <v>100</v>
      </c>
      <c r="C172" s="216" t="s">
        <v>100</v>
      </c>
      <c r="D172" s="215"/>
    </row>
    <row r="173" spans="1:4" ht="30.75" customHeight="1" x14ac:dyDescent="0.2">
      <c r="A173" s="230" t="s">
        <v>337</v>
      </c>
      <c r="B173" s="229"/>
      <c r="C173" s="256"/>
      <c r="D173" s="255"/>
    </row>
    <row r="174" spans="1:4" ht="60" customHeight="1" x14ac:dyDescent="0.2">
      <c r="A174" s="215" t="s">
        <v>336</v>
      </c>
      <c r="B174" s="232" t="s">
        <v>100</v>
      </c>
      <c r="C174" s="231" t="s">
        <v>100</v>
      </c>
      <c r="D174" s="215"/>
    </row>
    <row r="175" spans="1:4" ht="30.75" customHeight="1" x14ac:dyDescent="0.2">
      <c r="A175" s="230" t="s">
        <v>335</v>
      </c>
      <c r="B175" s="229"/>
      <c r="C175" s="256"/>
      <c r="D175" s="255"/>
    </row>
    <row r="176" spans="1:4" ht="81.75" customHeight="1" x14ac:dyDescent="0.2">
      <c r="A176" s="260" t="s">
        <v>334</v>
      </c>
      <c r="B176" s="243" t="s">
        <v>100</v>
      </c>
      <c r="C176" s="247" t="s">
        <v>100</v>
      </c>
      <c r="D176" s="259" t="s">
        <v>333</v>
      </c>
    </row>
    <row r="177" spans="1:4" ht="42" customHeight="1" x14ac:dyDescent="0.2">
      <c r="A177" s="254" t="s">
        <v>332</v>
      </c>
      <c r="B177" s="253" t="s">
        <v>100</v>
      </c>
      <c r="C177" s="223" t="s">
        <v>100</v>
      </c>
      <c r="D177" s="219"/>
    </row>
    <row r="178" spans="1:4" ht="34.5" customHeight="1" x14ac:dyDescent="0.2">
      <c r="A178" s="226" t="s">
        <v>331</v>
      </c>
      <c r="B178" s="258" t="s">
        <v>100</v>
      </c>
      <c r="C178" s="224" t="s">
        <v>100</v>
      </c>
      <c r="D178" s="219"/>
    </row>
    <row r="179" spans="1:4" ht="34.5" customHeight="1" x14ac:dyDescent="0.2">
      <c r="A179" s="251" t="s">
        <v>330</v>
      </c>
      <c r="B179" s="225" t="s">
        <v>100</v>
      </c>
      <c r="C179" s="220" t="s">
        <v>100</v>
      </c>
      <c r="D179" s="219"/>
    </row>
    <row r="180" spans="1:4" ht="42" customHeight="1" x14ac:dyDescent="0.2">
      <c r="A180" s="254" t="s">
        <v>329</v>
      </c>
      <c r="B180" s="253" t="s">
        <v>100</v>
      </c>
      <c r="C180" s="223" t="s">
        <v>100</v>
      </c>
      <c r="D180" s="219"/>
    </row>
    <row r="181" spans="1:4" ht="42" customHeight="1" x14ac:dyDescent="0.2">
      <c r="A181" s="233" t="s">
        <v>328</v>
      </c>
      <c r="B181" s="232" t="s">
        <v>100</v>
      </c>
      <c r="C181" s="216" t="s">
        <v>100</v>
      </c>
      <c r="D181" s="215"/>
    </row>
    <row r="182" spans="1:4" ht="30.75" customHeight="1" x14ac:dyDescent="0.2">
      <c r="A182" s="230" t="s">
        <v>327</v>
      </c>
      <c r="B182" s="229"/>
      <c r="C182" s="228"/>
      <c r="D182" s="255"/>
    </row>
    <row r="183" spans="1:4" ht="42" customHeight="1" x14ac:dyDescent="0.2">
      <c r="A183" s="215" t="s">
        <v>326</v>
      </c>
      <c r="B183" s="232" t="s">
        <v>100</v>
      </c>
      <c r="C183" s="249" t="s">
        <v>100</v>
      </c>
      <c r="D183" s="233"/>
    </row>
    <row r="184" spans="1:4" ht="108.6" customHeight="1" x14ac:dyDescent="0.2">
      <c r="A184" s="257" t="s">
        <v>325</v>
      </c>
      <c r="B184" s="232" t="s">
        <v>100</v>
      </c>
      <c r="C184" s="249" t="s">
        <v>100</v>
      </c>
      <c r="D184" s="226"/>
    </row>
    <row r="185" spans="1:4" ht="31.5" customHeight="1" x14ac:dyDescent="0.2">
      <c r="A185" s="236" t="s">
        <v>324</v>
      </c>
      <c r="B185" s="229"/>
      <c r="C185" s="256"/>
      <c r="D185" s="255"/>
    </row>
    <row r="186" spans="1:4" ht="31.5" customHeight="1" x14ac:dyDescent="0.2">
      <c r="A186" s="254" t="s">
        <v>323</v>
      </c>
      <c r="B186" s="225" t="s">
        <v>100</v>
      </c>
      <c r="C186" s="224" t="s">
        <v>100</v>
      </c>
      <c r="D186" s="252" t="s">
        <v>322</v>
      </c>
    </row>
    <row r="187" spans="1:4" ht="42" customHeight="1" x14ac:dyDescent="0.2">
      <c r="A187" s="254" t="s">
        <v>321</v>
      </c>
      <c r="B187" s="253" t="s">
        <v>100</v>
      </c>
      <c r="C187" s="220" t="s">
        <v>100</v>
      </c>
      <c r="D187" s="252"/>
    </row>
    <row r="188" spans="1:4" ht="30.75" customHeight="1" x14ac:dyDescent="0.2">
      <c r="A188" s="226" t="s">
        <v>320</v>
      </c>
      <c r="B188" s="253" t="s">
        <v>100</v>
      </c>
      <c r="C188" s="223" t="s">
        <v>100</v>
      </c>
      <c r="D188" s="252"/>
    </row>
    <row r="189" spans="1:4" ht="34.5" customHeight="1" x14ac:dyDescent="0.2">
      <c r="A189" s="251" t="s">
        <v>319</v>
      </c>
      <c r="B189" s="225" t="s">
        <v>100</v>
      </c>
      <c r="C189" s="223" t="s">
        <v>100</v>
      </c>
      <c r="D189" s="250"/>
    </row>
    <row r="190" spans="1:4" ht="46.5" customHeight="1" x14ac:dyDescent="0.2">
      <c r="A190" s="233" t="s">
        <v>318</v>
      </c>
      <c r="B190" s="217" t="s">
        <v>100</v>
      </c>
      <c r="C190" s="249" t="s">
        <v>100</v>
      </c>
      <c r="D190" s="248"/>
    </row>
    <row r="191" spans="1:4" ht="42.75" customHeight="1" x14ac:dyDescent="0.2">
      <c r="A191" s="244" t="s">
        <v>317</v>
      </c>
      <c r="B191" s="243" t="s">
        <v>100</v>
      </c>
      <c r="C191" s="247" t="s">
        <v>100</v>
      </c>
      <c r="D191" s="241" t="s">
        <v>316</v>
      </c>
    </row>
    <row r="192" spans="1:4" ht="34.5" customHeight="1" x14ac:dyDescent="0.2">
      <c r="A192" s="246" t="s">
        <v>315</v>
      </c>
      <c r="B192" s="245" t="s">
        <v>100</v>
      </c>
      <c r="C192" s="242" t="s">
        <v>100</v>
      </c>
      <c r="D192" s="241"/>
    </row>
    <row r="193" spans="1:4" ht="41.4" customHeight="1" x14ac:dyDescent="0.2">
      <c r="A193" s="244" t="s">
        <v>314</v>
      </c>
      <c r="B193" s="243" t="s">
        <v>100</v>
      </c>
      <c r="C193" s="242" t="s">
        <v>100</v>
      </c>
      <c r="D193" s="241"/>
    </row>
    <row r="194" spans="1:4" ht="30.75" customHeight="1" x14ac:dyDescent="0.2">
      <c r="A194" s="240" t="s">
        <v>313</v>
      </c>
      <c r="B194" s="239" t="s">
        <v>100</v>
      </c>
      <c r="C194" s="238" t="s">
        <v>100</v>
      </c>
      <c r="D194" s="237"/>
    </row>
    <row r="195" spans="1:4" ht="30.75" customHeight="1" x14ac:dyDescent="0.2">
      <c r="A195" s="236" t="s">
        <v>312</v>
      </c>
      <c r="B195" s="235"/>
      <c r="C195" s="234"/>
      <c r="D195" s="227"/>
    </row>
    <row r="196" spans="1:4" ht="34.5" customHeight="1" x14ac:dyDescent="0.2">
      <c r="A196" s="233" t="s">
        <v>311</v>
      </c>
      <c r="B196" s="232" t="s">
        <v>100</v>
      </c>
      <c r="C196" s="231" t="s">
        <v>100</v>
      </c>
      <c r="D196" s="215"/>
    </row>
    <row r="197" spans="1:4" ht="30.75" customHeight="1" x14ac:dyDescent="0.2">
      <c r="A197" s="230" t="s">
        <v>310</v>
      </c>
      <c r="B197" s="229"/>
      <c r="C197" s="228"/>
      <c r="D197" s="227"/>
    </row>
    <row r="198" spans="1:4" ht="30.75" customHeight="1" x14ac:dyDescent="0.2">
      <c r="A198" s="219" t="s">
        <v>309</v>
      </c>
      <c r="B198" s="225" t="s">
        <v>100</v>
      </c>
      <c r="C198" s="220" t="s">
        <v>100</v>
      </c>
      <c r="D198" s="219"/>
    </row>
    <row r="199" spans="1:4" ht="183.75" customHeight="1" x14ac:dyDescent="0.2">
      <c r="A199" s="226" t="s">
        <v>308</v>
      </c>
      <c r="B199" s="225" t="s">
        <v>100</v>
      </c>
      <c r="C199" s="224" t="s">
        <v>100</v>
      </c>
      <c r="D199" s="219"/>
    </row>
    <row r="200" spans="1:4" ht="30.75" customHeight="1" x14ac:dyDescent="0.2">
      <c r="A200" s="222" t="s">
        <v>307</v>
      </c>
      <c r="B200" s="221" t="s">
        <v>100</v>
      </c>
      <c r="C200" s="223" t="s">
        <v>100</v>
      </c>
      <c r="D200" s="219"/>
    </row>
    <row r="201" spans="1:4" ht="34.5" customHeight="1" x14ac:dyDescent="0.2">
      <c r="A201" s="222" t="s">
        <v>306</v>
      </c>
      <c r="B201" s="221" t="s">
        <v>100</v>
      </c>
      <c r="C201" s="220" t="s">
        <v>100</v>
      </c>
      <c r="D201" s="219"/>
    </row>
    <row r="202" spans="1:4" ht="30.75" customHeight="1" x14ac:dyDescent="0.2">
      <c r="A202" s="218" t="s">
        <v>305</v>
      </c>
      <c r="B202" s="217" t="s">
        <v>100</v>
      </c>
      <c r="C202" s="216" t="s">
        <v>100</v>
      </c>
      <c r="D202" s="215"/>
    </row>
    <row r="203" spans="1:4" ht="30.75" customHeight="1" x14ac:dyDescent="0.2">
      <c r="A203" s="214" t="s">
        <v>304</v>
      </c>
      <c r="B203" s="213"/>
      <c r="C203" s="212"/>
      <c r="D203" s="208"/>
    </row>
    <row r="204" spans="1:4" ht="235.8" customHeight="1" x14ac:dyDescent="0.2">
      <c r="A204" s="211" t="s">
        <v>303</v>
      </c>
      <c r="B204" s="210" t="s">
        <v>100</v>
      </c>
      <c r="C204" s="209" t="s">
        <v>100</v>
      </c>
      <c r="D204" s="208"/>
    </row>
    <row r="205" spans="1:4" ht="20.100000000000001" customHeight="1" x14ac:dyDescent="0.2"/>
    <row r="206" spans="1:4" ht="20.100000000000001" customHeight="1" x14ac:dyDescent="0.2"/>
    <row r="207" spans="1:4" ht="20.100000000000001" customHeight="1" x14ac:dyDescent="0.2"/>
    <row r="208" spans="1:4" ht="20.100000000000001" customHeight="1" x14ac:dyDescent="0.2"/>
    <row r="209" ht="20.100000000000001" customHeight="1" x14ac:dyDescent="0.2"/>
    <row r="210" ht="20.100000000000001" customHeight="1" x14ac:dyDescent="0.2"/>
    <row r="211" ht="20.100000000000001" customHeight="1" x14ac:dyDescent="0.2"/>
    <row r="212" ht="20.100000000000001" customHeight="1" x14ac:dyDescent="0.2"/>
    <row r="213" ht="20.100000000000001" customHeight="1" x14ac:dyDescent="0.2"/>
    <row r="214" ht="20.100000000000001" customHeight="1" x14ac:dyDescent="0.2"/>
    <row r="215" ht="20.100000000000001" customHeight="1" x14ac:dyDescent="0.2"/>
    <row r="216" ht="20.100000000000001" customHeight="1" x14ac:dyDescent="0.2"/>
    <row r="217" ht="20.100000000000001" customHeight="1" x14ac:dyDescent="0.2"/>
    <row r="218" ht="20.100000000000001" customHeight="1" x14ac:dyDescent="0.2"/>
    <row r="219" ht="20.100000000000001" customHeight="1" x14ac:dyDescent="0.2"/>
    <row r="220" ht="20.100000000000001" customHeight="1" x14ac:dyDescent="0.2"/>
    <row r="221" ht="20.100000000000001" customHeight="1" x14ac:dyDescent="0.2"/>
    <row r="222" ht="20.100000000000001" customHeight="1" x14ac:dyDescent="0.2"/>
    <row r="223" ht="20.100000000000001" customHeight="1" x14ac:dyDescent="0.2"/>
    <row r="224" ht="20.100000000000001" customHeight="1" x14ac:dyDescent="0.2"/>
    <row r="225" ht="20.100000000000001" customHeight="1" x14ac:dyDescent="0.2"/>
    <row r="226" ht="20.100000000000001" customHeight="1" x14ac:dyDescent="0.2"/>
    <row r="227" ht="20.100000000000001" customHeight="1" x14ac:dyDescent="0.2"/>
    <row r="228" ht="20.100000000000001" customHeight="1" x14ac:dyDescent="0.2"/>
    <row r="229" ht="20.100000000000001" customHeight="1" x14ac:dyDescent="0.2"/>
    <row r="230" ht="20.100000000000001" customHeight="1" x14ac:dyDescent="0.2"/>
    <row r="231" ht="20.100000000000001" customHeight="1" x14ac:dyDescent="0.2"/>
    <row r="232" ht="20.100000000000001" customHeight="1" x14ac:dyDescent="0.2"/>
    <row r="233" ht="20.100000000000001" customHeight="1" x14ac:dyDescent="0.2"/>
    <row r="234" ht="20.100000000000001" customHeight="1" x14ac:dyDescent="0.2"/>
    <row r="235" ht="20.100000000000001" customHeight="1" x14ac:dyDescent="0.2"/>
    <row r="236" ht="20.100000000000001" customHeight="1" x14ac:dyDescent="0.2"/>
    <row r="237" ht="20.100000000000001" customHeight="1" x14ac:dyDescent="0.2"/>
    <row r="238" ht="20.100000000000001" customHeight="1" x14ac:dyDescent="0.2"/>
    <row r="239" ht="20.100000000000001" customHeight="1" x14ac:dyDescent="0.2"/>
    <row r="240" ht="20.100000000000001" customHeight="1" x14ac:dyDescent="0.2"/>
    <row r="241" ht="20.100000000000001" customHeight="1" x14ac:dyDescent="0.2"/>
    <row r="242" ht="20.100000000000001" customHeight="1" x14ac:dyDescent="0.2"/>
    <row r="243" ht="20.100000000000001" customHeight="1" x14ac:dyDescent="0.2"/>
    <row r="244" ht="20.100000000000001" customHeight="1" x14ac:dyDescent="0.2"/>
    <row r="245" ht="20.100000000000001" customHeight="1" x14ac:dyDescent="0.2"/>
    <row r="246" ht="20.100000000000001" customHeight="1" x14ac:dyDescent="0.2"/>
    <row r="247" ht="20.100000000000001" customHeight="1" x14ac:dyDescent="0.2"/>
    <row r="248" ht="20.100000000000001" customHeight="1" x14ac:dyDescent="0.2"/>
    <row r="249" ht="20.100000000000001" customHeight="1" x14ac:dyDescent="0.2"/>
    <row r="250" ht="20.100000000000001" customHeight="1" x14ac:dyDescent="0.2"/>
    <row r="251" ht="20.100000000000001" customHeight="1" x14ac:dyDescent="0.2"/>
    <row r="252" ht="20.100000000000001" customHeight="1" x14ac:dyDescent="0.2"/>
    <row r="253" ht="20.100000000000001" customHeight="1" x14ac:dyDescent="0.2"/>
    <row r="254" ht="20.100000000000001" customHeight="1" x14ac:dyDescent="0.2"/>
    <row r="255" ht="20.100000000000001" customHeight="1" x14ac:dyDescent="0.2"/>
    <row r="256" ht="20.100000000000001" customHeight="1" x14ac:dyDescent="0.2"/>
    <row r="257" ht="20.100000000000001" customHeight="1" x14ac:dyDescent="0.2"/>
    <row r="258" ht="20.100000000000001" customHeight="1" x14ac:dyDescent="0.2"/>
    <row r="259" ht="20.100000000000001" customHeight="1" x14ac:dyDescent="0.2"/>
    <row r="260" ht="20.100000000000001" customHeight="1" x14ac:dyDescent="0.2"/>
    <row r="261" ht="20.100000000000001" customHeight="1" x14ac:dyDescent="0.2"/>
    <row r="262" ht="20.100000000000001" customHeight="1" x14ac:dyDescent="0.2"/>
    <row r="263" ht="20.100000000000001" customHeight="1" x14ac:dyDescent="0.2"/>
    <row r="264" ht="20.100000000000001" customHeight="1" x14ac:dyDescent="0.2"/>
    <row r="265" ht="20.100000000000001" customHeight="1" x14ac:dyDescent="0.2"/>
    <row r="266" ht="20.100000000000001" customHeight="1" x14ac:dyDescent="0.2"/>
    <row r="267" ht="20.100000000000001" customHeight="1" x14ac:dyDescent="0.2"/>
    <row r="268" ht="20.100000000000001" customHeight="1" x14ac:dyDescent="0.2"/>
    <row r="269" ht="20.100000000000001" customHeight="1" x14ac:dyDescent="0.2"/>
    <row r="270" ht="20.100000000000001" customHeight="1" x14ac:dyDescent="0.2"/>
    <row r="271" ht="20.100000000000001" customHeight="1" x14ac:dyDescent="0.2"/>
    <row r="272" ht="20.100000000000001" customHeight="1" x14ac:dyDescent="0.2"/>
    <row r="273" ht="20.100000000000001" customHeight="1" x14ac:dyDescent="0.2"/>
    <row r="274" ht="20.100000000000001" customHeight="1" x14ac:dyDescent="0.2"/>
    <row r="275" ht="20.100000000000001" customHeight="1" x14ac:dyDescent="0.2"/>
    <row r="276" ht="20.100000000000001" customHeight="1" x14ac:dyDescent="0.2"/>
    <row r="277" ht="20.100000000000001" customHeight="1" x14ac:dyDescent="0.2"/>
    <row r="278" ht="20.100000000000001" customHeight="1" x14ac:dyDescent="0.2"/>
    <row r="279" ht="20.100000000000001" customHeight="1" x14ac:dyDescent="0.2"/>
    <row r="280" ht="20.100000000000001" customHeight="1" x14ac:dyDescent="0.2"/>
    <row r="281" ht="20.100000000000001" customHeight="1" x14ac:dyDescent="0.2"/>
    <row r="282" ht="20.100000000000001" customHeight="1" x14ac:dyDescent="0.2"/>
    <row r="283" ht="20.100000000000001" customHeight="1" x14ac:dyDescent="0.2"/>
    <row r="284" ht="20.100000000000001" customHeight="1" x14ac:dyDescent="0.2"/>
    <row r="285" ht="20.100000000000001" customHeight="1" x14ac:dyDescent="0.2"/>
    <row r="286" ht="20.100000000000001" customHeight="1" x14ac:dyDescent="0.2"/>
    <row r="287" ht="20.100000000000001" customHeight="1" x14ac:dyDescent="0.2"/>
    <row r="288" ht="20.100000000000001" customHeight="1" x14ac:dyDescent="0.2"/>
    <row r="289" ht="20.100000000000001" customHeight="1" x14ac:dyDescent="0.2"/>
    <row r="290" ht="20.100000000000001" customHeight="1" x14ac:dyDescent="0.2"/>
    <row r="291" ht="20.100000000000001" customHeight="1" x14ac:dyDescent="0.2"/>
    <row r="292" ht="20.100000000000001" customHeight="1" x14ac:dyDescent="0.2"/>
    <row r="293" ht="20.100000000000001" customHeight="1" x14ac:dyDescent="0.2"/>
    <row r="294" ht="20.100000000000001" customHeight="1" x14ac:dyDescent="0.2"/>
    <row r="295" ht="20.100000000000001" customHeight="1" x14ac:dyDescent="0.2"/>
    <row r="296" ht="20.100000000000001" customHeight="1" x14ac:dyDescent="0.2"/>
    <row r="297" ht="20.100000000000001" customHeight="1" x14ac:dyDescent="0.2"/>
    <row r="298" ht="20.100000000000001" customHeight="1" x14ac:dyDescent="0.2"/>
    <row r="299" ht="20.100000000000001" customHeight="1" x14ac:dyDescent="0.2"/>
    <row r="300" ht="20.100000000000001" customHeight="1" x14ac:dyDescent="0.2"/>
    <row r="301" ht="20.100000000000001" customHeight="1" x14ac:dyDescent="0.2"/>
    <row r="302" ht="20.100000000000001" customHeight="1" x14ac:dyDescent="0.2"/>
    <row r="303" ht="20.100000000000001" customHeight="1" x14ac:dyDescent="0.2"/>
    <row r="304" ht="20.100000000000001" customHeight="1" x14ac:dyDescent="0.2"/>
    <row r="305" ht="20.100000000000001" customHeight="1" x14ac:dyDescent="0.2"/>
    <row r="306" ht="20.100000000000001" customHeight="1" x14ac:dyDescent="0.2"/>
    <row r="307" ht="20.100000000000001" customHeight="1" x14ac:dyDescent="0.2"/>
    <row r="308" ht="20.100000000000001" customHeight="1" x14ac:dyDescent="0.2"/>
    <row r="309" ht="20.100000000000001" customHeight="1" x14ac:dyDescent="0.2"/>
    <row r="310" ht="20.100000000000001" customHeight="1" x14ac:dyDescent="0.2"/>
    <row r="311" ht="20.100000000000001" customHeight="1" x14ac:dyDescent="0.2"/>
    <row r="312" ht="20.100000000000001" customHeight="1" x14ac:dyDescent="0.2"/>
    <row r="313" ht="20.100000000000001" customHeight="1" x14ac:dyDescent="0.2"/>
    <row r="314" ht="20.100000000000001" customHeight="1" x14ac:dyDescent="0.2"/>
    <row r="315" ht="20.100000000000001" customHeight="1" x14ac:dyDescent="0.2"/>
    <row r="316" ht="20.100000000000001" customHeight="1" x14ac:dyDescent="0.2"/>
    <row r="317" ht="20.100000000000001" customHeight="1" x14ac:dyDescent="0.2"/>
    <row r="318" ht="20.100000000000001" customHeight="1" x14ac:dyDescent="0.2"/>
    <row r="319" ht="20.100000000000001" customHeight="1" x14ac:dyDescent="0.2"/>
    <row r="320" ht="20.100000000000001" customHeight="1" x14ac:dyDescent="0.2"/>
    <row r="321" ht="20.100000000000001" customHeight="1" x14ac:dyDescent="0.2"/>
    <row r="322" ht="20.100000000000001" customHeight="1" x14ac:dyDescent="0.2"/>
    <row r="323" ht="20.100000000000001" customHeight="1" x14ac:dyDescent="0.2"/>
    <row r="324" ht="20.100000000000001" customHeight="1" x14ac:dyDescent="0.2"/>
    <row r="325" ht="20.100000000000001" customHeight="1" x14ac:dyDescent="0.2"/>
    <row r="326" ht="20.100000000000001" customHeight="1" x14ac:dyDescent="0.2"/>
    <row r="327" ht="20.100000000000001" customHeight="1" x14ac:dyDescent="0.2"/>
    <row r="328" ht="20.100000000000001" customHeight="1" x14ac:dyDescent="0.2"/>
    <row r="329" ht="20.100000000000001" customHeight="1" x14ac:dyDescent="0.2"/>
    <row r="330" ht="20.100000000000001" customHeight="1" x14ac:dyDescent="0.2"/>
    <row r="331" ht="20.100000000000001" customHeight="1" x14ac:dyDescent="0.2"/>
    <row r="332" ht="20.100000000000001" customHeight="1" x14ac:dyDescent="0.2"/>
    <row r="333" ht="20.100000000000001" customHeight="1" x14ac:dyDescent="0.2"/>
    <row r="334" ht="20.100000000000001" customHeight="1" x14ac:dyDescent="0.2"/>
    <row r="335" ht="20.100000000000001" customHeight="1" x14ac:dyDescent="0.2"/>
    <row r="336" ht="20.100000000000001" customHeight="1" x14ac:dyDescent="0.2"/>
    <row r="337" ht="20.100000000000001" customHeight="1" x14ac:dyDescent="0.2"/>
    <row r="338" ht="20.100000000000001" customHeight="1" x14ac:dyDescent="0.2"/>
    <row r="339" ht="20.100000000000001" customHeight="1" x14ac:dyDescent="0.2"/>
    <row r="340" ht="20.100000000000001" customHeight="1" x14ac:dyDescent="0.2"/>
    <row r="341" ht="20.100000000000001" customHeight="1" x14ac:dyDescent="0.2"/>
    <row r="342" ht="20.100000000000001" customHeight="1" x14ac:dyDescent="0.2"/>
    <row r="343" ht="20.100000000000001" customHeight="1" x14ac:dyDescent="0.2"/>
    <row r="344" ht="20.100000000000001" customHeight="1" x14ac:dyDescent="0.2"/>
    <row r="345" ht="20.100000000000001" customHeight="1" x14ac:dyDescent="0.2"/>
    <row r="346" ht="20.100000000000001" customHeight="1" x14ac:dyDescent="0.2"/>
    <row r="347" ht="20.100000000000001" customHeight="1" x14ac:dyDescent="0.2"/>
    <row r="348" ht="20.100000000000001" customHeight="1" x14ac:dyDescent="0.2"/>
    <row r="349" ht="20.100000000000001" customHeight="1" x14ac:dyDescent="0.2"/>
    <row r="350" ht="20.100000000000001" customHeight="1" x14ac:dyDescent="0.2"/>
    <row r="351" ht="20.100000000000001" customHeight="1" x14ac:dyDescent="0.2"/>
    <row r="352" ht="20.100000000000001" customHeight="1" x14ac:dyDescent="0.2"/>
    <row r="353" ht="20.100000000000001" customHeight="1" x14ac:dyDescent="0.2"/>
    <row r="354" ht="20.100000000000001" customHeight="1" x14ac:dyDescent="0.2"/>
    <row r="355" ht="20.100000000000001" customHeight="1" x14ac:dyDescent="0.2"/>
    <row r="356" ht="20.100000000000001" customHeight="1" x14ac:dyDescent="0.2"/>
    <row r="357" ht="20.100000000000001" customHeight="1" x14ac:dyDescent="0.2"/>
    <row r="358" ht="20.100000000000001" customHeight="1" x14ac:dyDescent="0.2"/>
    <row r="359" ht="20.100000000000001" customHeight="1" x14ac:dyDescent="0.2"/>
    <row r="360" ht="20.100000000000001" customHeight="1" x14ac:dyDescent="0.2"/>
    <row r="361" ht="20.100000000000001" customHeight="1" x14ac:dyDescent="0.2"/>
    <row r="362" ht="20.100000000000001" customHeight="1" x14ac:dyDescent="0.2"/>
    <row r="363" ht="20.100000000000001" customHeight="1" x14ac:dyDescent="0.2"/>
    <row r="364" ht="20.100000000000001" customHeight="1" x14ac:dyDescent="0.2"/>
    <row r="365" ht="20.100000000000001" customHeight="1" x14ac:dyDescent="0.2"/>
    <row r="366" ht="20.100000000000001" customHeight="1" x14ac:dyDescent="0.2"/>
    <row r="367" ht="20.100000000000001" customHeight="1" x14ac:dyDescent="0.2"/>
    <row r="368" ht="20.100000000000001" customHeight="1" x14ac:dyDescent="0.2"/>
    <row r="369" ht="20.100000000000001" customHeight="1" x14ac:dyDescent="0.2"/>
    <row r="370" ht="20.100000000000001" customHeight="1" x14ac:dyDescent="0.2"/>
    <row r="371" ht="20.100000000000001" customHeight="1" x14ac:dyDescent="0.2"/>
    <row r="372" ht="20.100000000000001" customHeight="1" x14ac:dyDescent="0.2"/>
    <row r="373" ht="20.100000000000001" customHeight="1" x14ac:dyDescent="0.2"/>
    <row r="374" ht="20.100000000000001" customHeight="1" x14ac:dyDescent="0.2"/>
    <row r="375" ht="20.100000000000001" customHeight="1" x14ac:dyDescent="0.2"/>
    <row r="376" ht="20.100000000000001" customHeight="1" x14ac:dyDescent="0.2"/>
    <row r="377" ht="20.100000000000001" customHeight="1" x14ac:dyDescent="0.2"/>
    <row r="378" ht="20.100000000000001" customHeight="1" x14ac:dyDescent="0.2"/>
    <row r="379" ht="20.100000000000001" customHeight="1" x14ac:dyDescent="0.2"/>
    <row r="380" ht="20.100000000000001" customHeight="1" x14ac:dyDescent="0.2"/>
    <row r="381" ht="20.100000000000001" customHeight="1" x14ac:dyDescent="0.2"/>
    <row r="382" ht="20.100000000000001" customHeight="1" x14ac:dyDescent="0.2"/>
    <row r="383" ht="20.100000000000001" customHeight="1" x14ac:dyDescent="0.2"/>
    <row r="384" ht="20.100000000000001" customHeight="1" x14ac:dyDescent="0.2"/>
    <row r="385" ht="20.100000000000001" customHeight="1" x14ac:dyDescent="0.2"/>
    <row r="386" ht="20.100000000000001" customHeight="1" x14ac:dyDescent="0.2"/>
    <row r="387" ht="20.100000000000001" customHeight="1" x14ac:dyDescent="0.2"/>
    <row r="388" ht="20.100000000000001" customHeight="1" x14ac:dyDescent="0.2"/>
    <row r="389" ht="20.100000000000001" customHeight="1" x14ac:dyDescent="0.2"/>
    <row r="390" ht="20.100000000000001" customHeight="1" x14ac:dyDescent="0.2"/>
    <row r="391" ht="20.100000000000001" customHeight="1" x14ac:dyDescent="0.2"/>
    <row r="392" ht="20.100000000000001" customHeight="1" x14ac:dyDescent="0.2"/>
    <row r="393" ht="20.100000000000001" customHeight="1" x14ac:dyDescent="0.2"/>
    <row r="394" ht="20.100000000000001" customHeight="1" x14ac:dyDescent="0.2"/>
    <row r="395" ht="20.100000000000001" customHeight="1" x14ac:dyDescent="0.2"/>
    <row r="396" ht="20.100000000000001" customHeight="1" x14ac:dyDescent="0.2"/>
    <row r="397" ht="20.100000000000001" customHeight="1" x14ac:dyDescent="0.2"/>
    <row r="398" ht="20.100000000000001" customHeight="1" x14ac:dyDescent="0.2"/>
    <row r="399" ht="20.100000000000001" customHeight="1" x14ac:dyDescent="0.2"/>
    <row r="400" ht="20.100000000000001" customHeight="1" x14ac:dyDescent="0.2"/>
    <row r="401" ht="20.100000000000001" customHeight="1" x14ac:dyDescent="0.2"/>
    <row r="402" ht="20.100000000000001" customHeight="1" x14ac:dyDescent="0.2"/>
    <row r="403" ht="20.100000000000001" customHeight="1" x14ac:dyDescent="0.2"/>
    <row r="404" ht="20.100000000000001" customHeight="1" x14ac:dyDescent="0.2"/>
    <row r="405" ht="20.100000000000001" customHeight="1" x14ac:dyDescent="0.2"/>
    <row r="406" ht="20.100000000000001" customHeight="1" x14ac:dyDescent="0.2"/>
    <row r="407" ht="20.100000000000001" customHeight="1" x14ac:dyDescent="0.2"/>
    <row r="408" ht="20.100000000000001" customHeight="1" x14ac:dyDescent="0.2"/>
    <row r="409" ht="20.100000000000001" customHeight="1" x14ac:dyDescent="0.2"/>
    <row r="410" ht="20.100000000000001" customHeight="1" x14ac:dyDescent="0.2"/>
    <row r="411" ht="20.100000000000001" customHeight="1" x14ac:dyDescent="0.2"/>
    <row r="412" ht="20.100000000000001" customHeight="1" x14ac:dyDescent="0.2"/>
    <row r="413" ht="20.100000000000001" customHeight="1" x14ac:dyDescent="0.2"/>
    <row r="414" ht="20.100000000000001" customHeight="1" x14ac:dyDescent="0.2"/>
    <row r="415" ht="20.100000000000001" customHeight="1" x14ac:dyDescent="0.2"/>
    <row r="416" ht="20.100000000000001" customHeight="1" x14ac:dyDescent="0.2"/>
    <row r="417" ht="20.100000000000001" customHeight="1" x14ac:dyDescent="0.2"/>
    <row r="418" ht="20.100000000000001" customHeight="1" x14ac:dyDescent="0.2"/>
    <row r="419" ht="20.100000000000001" customHeight="1" x14ac:dyDescent="0.2"/>
    <row r="420" ht="20.100000000000001" customHeight="1" x14ac:dyDescent="0.2"/>
    <row r="421" ht="20.100000000000001" customHeight="1" x14ac:dyDescent="0.2"/>
    <row r="422" ht="20.100000000000001" customHeight="1" x14ac:dyDescent="0.2"/>
    <row r="423" ht="20.100000000000001" customHeight="1" x14ac:dyDescent="0.2"/>
    <row r="424" ht="20.100000000000001" customHeight="1" x14ac:dyDescent="0.2"/>
    <row r="425" ht="20.100000000000001" customHeight="1" x14ac:dyDescent="0.2"/>
    <row r="426" ht="20.100000000000001" customHeight="1" x14ac:dyDescent="0.2"/>
    <row r="427" ht="20.100000000000001" customHeight="1" x14ac:dyDescent="0.2"/>
    <row r="428" ht="20.100000000000001" customHeight="1" x14ac:dyDescent="0.2"/>
    <row r="429" ht="20.100000000000001" customHeight="1" x14ac:dyDescent="0.2"/>
    <row r="430" ht="20.100000000000001" customHeight="1" x14ac:dyDescent="0.2"/>
    <row r="431" ht="20.100000000000001" customHeight="1" x14ac:dyDescent="0.2"/>
    <row r="432" ht="20.100000000000001" customHeight="1" x14ac:dyDescent="0.2"/>
    <row r="433" ht="20.100000000000001" customHeight="1" x14ac:dyDescent="0.2"/>
    <row r="434" ht="20.100000000000001" customHeight="1" x14ac:dyDescent="0.2"/>
    <row r="435" ht="20.100000000000001" customHeight="1" x14ac:dyDescent="0.2"/>
    <row r="436" ht="20.100000000000001" customHeight="1" x14ac:dyDescent="0.2"/>
    <row r="437" ht="20.100000000000001" customHeight="1" x14ac:dyDescent="0.2"/>
    <row r="438" ht="20.100000000000001" customHeight="1" x14ac:dyDescent="0.2"/>
    <row r="439" ht="20.100000000000001" customHeight="1" x14ac:dyDescent="0.2"/>
    <row r="440" ht="20.100000000000001" customHeight="1" x14ac:dyDescent="0.2"/>
    <row r="441" ht="20.100000000000001" customHeight="1" x14ac:dyDescent="0.2"/>
    <row r="442" ht="20.100000000000001" customHeight="1" x14ac:dyDescent="0.2"/>
    <row r="443" ht="20.100000000000001" customHeight="1" x14ac:dyDescent="0.2"/>
    <row r="444" ht="20.100000000000001" customHeight="1" x14ac:dyDescent="0.2"/>
    <row r="445" ht="20.100000000000001" customHeight="1" x14ac:dyDescent="0.2"/>
    <row r="446" ht="20.100000000000001" customHeight="1" x14ac:dyDescent="0.2"/>
    <row r="447" ht="20.100000000000001" customHeight="1" x14ac:dyDescent="0.2"/>
    <row r="448" ht="20.100000000000001" customHeight="1" x14ac:dyDescent="0.2"/>
    <row r="449" ht="20.100000000000001" customHeight="1" x14ac:dyDescent="0.2"/>
    <row r="450" ht="20.100000000000001" customHeight="1" x14ac:dyDescent="0.2"/>
    <row r="451" ht="20.100000000000001" customHeight="1" x14ac:dyDescent="0.2"/>
    <row r="452" ht="20.100000000000001" customHeight="1" x14ac:dyDescent="0.2"/>
    <row r="453" ht="20.100000000000001" customHeight="1" x14ac:dyDescent="0.2"/>
    <row r="454" ht="20.100000000000001" customHeight="1" x14ac:dyDescent="0.2"/>
    <row r="455" ht="20.100000000000001" customHeight="1" x14ac:dyDescent="0.2"/>
    <row r="456" ht="20.100000000000001" customHeight="1" x14ac:dyDescent="0.2"/>
    <row r="457" ht="20.100000000000001" customHeight="1" x14ac:dyDescent="0.2"/>
    <row r="458" ht="20.100000000000001" customHeight="1" x14ac:dyDescent="0.2"/>
    <row r="459" ht="20.100000000000001" customHeight="1" x14ac:dyDescent="0.2"/>
    <row r="460" ht="20.100000000000001" customHeight="1" x14ac:dyDescent="0.2"/>
    <row r="461" ht="20.100000000000001" customHeight="1" x14ac:dyDescent="0.2"/>
    <row r="462" ht="20.100000000000001" customHeight="1" x14ac:dyDescent="0.2"/>
    <row r="463" ht="20.100000000000001" customHeight="1" x14ac:dyDescent="0.2"/>
    <row r="464" ht="20.100000000000001" customHeight="1" x14ac:dyDescent="0.2"/>
    <row r="465" ht="20.100000000000001" customHeight="1" x14ac:dyDescent="0.2"/>
    <row r="466" ht="20.100000000000001" customHeight="1" x14ac:dyDescent="0.2"/>
    <row r="467" ht="20.100000000000001" customHeight="1" x14ac:dyDescent="0.2"/>
    <row r="468" ht="20.100000000000001" customHeight="1" x14ac:dyDescent="0.2"/>
    <row r="469" ht="20.100000000000001" customHeight="1" x14ac:dyDescent="0.2"/>
    <row r="470" ht="20.100000000000001" customHeight="1" x14ac:dyDescent="0.2"/>
    <row r="471" ht="20.100000000000001" customHeight="1" x14ac:dyDescent="0.2"/>
    <row r="472" ht="20.100000000000001" customHeight="1" x14ac:dyDescent="0.2"/>
    <row r="473" ht="20.100000000000001" customHeight="1" x14ac:dyDescent="0.2"/>
    <row r="474" ht="20.100000000000001" customHeight="1" x14ac:dyDescent="0.2"/>
    <row r="475" ht="20.100000000000001" customHeight="1" x14ac:dyDescent="0.2"/>
    <row r="476" ht="20.100000000000001" customHeight="1" x14ac:dyDescent="0.2"/>
    <row r="477" ht="20.100000000000001" customHeight="1" x14ac:dyDescent="0.2"/>
    <row r="478" ht="20.100000000000001" customHeight="1" x14ac:dyDescent="0.2"/>
    <row r="479" ht="20.100000000000001" customHeight="1" x14ac:dyDescent="0.2"/>
    <row r="480" ht="20.100000000000001" customHeight="1" x14ac:dyDescent="0.2"/>
    <row r="481" ht="20.100000000000001" customHeight="1" x14ac:dyDescent="0.2"/>
    <row r="482" ht="20.100000000000001" customHeight="1" x14ac:dyDescent="0.2"/>
    <row r="483" ht="20.100000000000001" customHeight="1" x14ac:dyDescent="0.2"/>
    <row r="484" ht="20.100000000000001" customHeight="1" x14ac:dyDescent="0.2"/>
    <row r="485" ht="20.100000000000001" customHeight="1" x14ac:dyDescent="0.2"/>
    <row r="486" ht="20.100000000000001" customHeight="1" x14ac:dyDescent="0.2"/>
    <row r="487" ht="20.100000000000001" customHeight="1" x14ac:dyDescent="0.2"/>
    <row r="488" ht="20.100000000000001" customHeight="1" x14ac:dyDescent="0.2"/>
    <row r="489" ht="20.100000000000001" customHeight="1" x14ac:dyDescent="0.2"/>
    <row r="490" ht="20.100000000000001" customHeight="1" x14ac:dyDescent="0.2"/>
    <row r="491" ht="20.100000000000001" customHeight="1" x14ac:dyDescent="0.2"/>
    <row r="492" ht="20.100000000000001" customHeight="1" x14ac:dyDescent="0.2"/>
    <row r="493" ht="20.100000000000001" customHeight="1" x14ac:dyDescent="0.2"/>
    <row r="494" ht="20.100000000000001" customHeight="1" x14ac:dyDescent="0.2"/>
    <row r="495" ht="20.100000000000001" customHeight="1" x14ac:dyDescent="0.2"/>
    <row r="496" ht="20.100000000000001" customHeight="1" x14ac:dyDescent="0.2"/>
    <row r="497" ht="20.100000000000001" customHeight="1" x14ac:dyDescent="0.2"/>
    <row r="498" ht="20.100000000000001" customHeight="1" x14ac:dyDescent="0.2"/>
    <row r="499" ht="20.100000000000001" customHeight="1" x14ac:dyDescent="0.2"/>
    <row r="500" ht="20.100000000000001" customHeight="1" x14ac:dyDescent="0.2"/>
    <row r="501" ht="20.100000000000001" customHeight="1" x14ac:dyDescent="0.2"/>
    <row r="502" ht="20.100000000000001" customHeight="1" x14ac:dyDescent="0.2"/>
    <row r="503" ht="20.100000000000001" customHeight="1" x14ac:dyDescent="0.2"/>
    <row r="504" ht="20.100000000000001" customHeight="1" x14ac:dyDescent="0.2"/>
    <row r="505" ht="20.100000000000001" customHeight="1" x14ac:dyDescent="0.2"/>
    <row r="506" ht="20.100000000000001" customHeight="1" x14ac:dyDescent="0.2"/>
    <row r="507" ht="20.100000000000001" customHeight="1" x14ac:dyDescent="0.2"/>
    <row r="508" ht="20.100000000000001" customHeight="1" x14ac:dyDescent="0.2"/>
    <row r="509" ht="20.100000000000001" customHeight="1" x14ac:dyDescent="0.2"/>
    <row r="510" ht="20.100000000000001" customHeight="1" x14ac:dyDescent="0.2"/>
    <row r="511" ht="20.100000000000001" customHeight="1" x14ac:dyDescent="0.2"/>
    <row r="512" ht="20.100000000000001" customHeight="1" x14ac:dyDescent="0.2"/>
    <row r="513" ht="20.100000000000001" customHeight="1" x14ac:dyDescent="0.2"/>
    <row r="514" ht="20.100000000000001" customHeight="1" x14ac:dyDescent="0.2"/>
    <row r="515" ht="20.100000000000001" customHeight="1" x14ac:dyDescent="0.2"/>
    <row r="516" ht="20.100000000000001" customHeight="1" x14ac:dyDescent="0.2"/>
    <row r="517" ht="20.100000000000001" customHeight="1" x14ac:dyDescent="0.2"/>
    <row r="518" ht="20.100000000000001" customHeight="1" x14ac:dyDescent="0.2"/>
    <row r="519" ht="20.100000000000001" customHeight="1" x14ac:dyDescent="0.2"/>
    <row r="520" ht="20.100000000000001" customHeight="1" x14ac:dyDescent="0.2"/>
    <row r="521" ht="20.100000000000001" customHeight="1" x14ac:dyDescent="0.2"/>
    <row r="522" ht="20.100000000000001" customHeight="1" x14ac:dyDescent="0.2"/>
    <row r="523" ht="20.100000000000001" customHeight="1" x14ac:dyDescent="0.2"/>
    <row r="524" ht="20.100000000000001" customHeight="1" x14ac:dyDescent="0.2"/>
    <row r="525" ht="20.100000000000001" customHeight="1" x14ac:dyDescent="0.2"/>
    <row r="526" ht="20.100000000000001" customHeight="1" x14ac:dyDescent="0.2"/>
    <row r="527" ht="20.100000000000001" customHeight="1" x14ac:dyDescent="0.2"/>
    <row r="528" ht="20.100000000000001" customHeight="1" x14ac:dyDescent="0.2"/>
    <row r="529" ht="20.100000000000001" customHeight="1" x14ac:dyDescent="0.2"/>
    <row r="530" ht="20.100000000000001" customHeight="1" x14ac:dyDescent="0.2"/>
    <row r="531" ht="20.100000000000001" customHeight="1" x14ac:dyDescent="0.2"/>
    <row r="532" ht="20.100000000000001" customHeight="1" x14ac:dyDescent="0.2"/>
    <row r="533" ht="20.100000000000001" customHeight="1" x14ac:dyDescent="0.2"/>
    <row r="534" ht="20.100000000000001" customHeight="1" x14ac:dyDescent="0.2"/>
    <row r="535" ht="20.100000000000001" customHeight="1" x14ac:dyDescent="0.2"/>
    <row r="536" ht="20.100000000000001" customHeight="1" x14ac:dyDescent="0.2"/>
    <row r="537" ht="20.100000000000001" customHeight="1" x14ac:dyDescent="0.2"/>
    <row r="538" ht="20.100000000000001" customHeight="1" x14ac:dyDescent="0.2"/>
    <row r="539" ht="20.100000000000001" customHeight="1" x14ac:dyDescent="0.2"/>
    <row r="540" ht="20.100000000000001" customHeight="1" x14ac:dyDescent="0.2"/>
    <row r="541" ht="20.100000000000001" customHeight="1" x14ac:dyDescent="0.2"/>
    <row r="542" ht="20.100000000000001" customHeight="1" x14ac:dyDescent="0.2"/>
    <row r="543" ht="20.100000000000001" customHeight="1" x14ac:dyDescent="0.2"/>
    <row r="544" ht="20.100000000000001" customHeight="1" x14ac:dyDescent="0.2"/>
    <row r="545" ht="20.100000000000001" customHeight="1" x14ac:dyDescent="0.2"/>
    <row r="546" ht="20.100000000000001" customHeight="1" x14ac:dyDescent="0.2"/>
    <row r="547" ht="20.100000000000001" customHeight="1" x14ac:dyDescent="0.2"/>
    <row r="548" ht="20.100000000000001" customHeight="1" x14ac:dyDescent="0.2"/>
    <row r="549" ht="20.100000000000001" customHeight="1" x14ac:dyDescent="0.2"/>
    <row r="550" ht="20.100000000000001" customHeight="1" x14ac:dyDescent="0.2"/>
    <row r="551" ht="20.100000000000001" customHeight="1" x14ac:dyDescent="0.2"/>
    <row r="552" ht="20.100000000000001" customHeight="1" x14ac:dyDescent="0.2"/>
    <row r="553" ht="20.100000000000001" customHeight="1" x14ac:dyDescent="0.2"/>
    <row r="554" ht="20.100000000000001" customHeight="1" x14ac:dyDescent="0.2"/>
    <row r="555" ht="20.100000000000001" customHeight="1" x14ac:dyDescent="0.2"/>
    <row r="556" ht="20.100000000000001" customHeight="1" x14ac:dyDescent="0.2"/>
    <row r="557" ht="20.100000000000001" customHeight="1" x14ac:dyDescent="0.2"/>
    <row r="558" ht="20.100000000000001" customHeight="1" x14ac:dyDescent="0.2"/>
    <row r="559" ht="20.100000000000001" customHeight="1" x14ac:dyDescent="0.2"/>
    <row r="560" ht="20.100000000000001" customHeight="1" x14ac:dyDescent="0.2"/>
    <row r="561" ht="20.100000000000001" customHeight="1" x14ac:dyDescent="0.2"/>
    <row r="562" ht="20.100000000000001" customHeight="1" x14ac:dyDescent="0.2"/>
    <row r="563" ht="20.100000000000001" customHeight="1" x14ac:dyDescent="0.2"/>
    <row r="564" ht="20.100000000000001" customHeight="1" x14ac:dyDescent="0.2"/>
    <row r="565" ht="20.100000000000001" customHeight="1" x14ac:dyDescent="0.2"/>
    <row r="566" ht="20.100000000000001" customHeight="1" x14ac:dyDescent="0.2"/>
    <row r="567" ht="20.100000000000001" customHeight="1" x14ac:dyDescent="0.2"/>
    <row r="568" ht="20.100000000000001" customHeight="1" x14ac:dyDescent="0.2"/>
    <row r="569" ht="20.100000000000001" customHeight="1" x14ac:dyDescent="0.2"/>
    <row r="570" ht="20.100000000000001" customHeight="1" x14ac:dyDescent="0.2"/>
    <row r="571" ht="20.100000000000001" customHeight="1" x14ac:dyDescent="0.2"/>
    <row r="572" ht="20.100000000000001" customHeight="1" x14ac:dyDescent="0.2"/>
    <row r="573" ht="20.100000000000001" customHeight="1" x14ac:dyDescent="0.2"/>
    <row r="574" ht="20.100000000000001" customHeight="1" x14ac:dyDescent="0.2"/>
    <row r="575" ht="20.100000000000001" customHeight="1" x14ac:dyDescent="0.2"/>
    <row r="576" ht="20.100000000000001" customHeight="1" x14ac:dyDescent="0.2"/>
    <row r="577" ht="20.100000000000001" customHeight="1" x14ac:dyDescent="0.2"/>
    <row r="578" ht="20.100000000000001" customHeight="1" x14ac:dyDescent="0.2"/>
    <row r="579" ht="20.100000000000001" customHeight="1" x14ac:dyDescent="0.2"/>
    <row r="580" ht="20.100000000000001" customHeight="1" x14ac:dyDescent="0.2"/>
    <row r="581" ht="20.100000000000001" customHeight="1" x14ac:dyDescent="0.2"/>
    <row r="582" ht="20.100000000000001" customHeight="1" x14ac:dyDescent="0.2"/>
    <row r="583" ht="20.100000000000001" customHeight="1" x14ac:dyDescent="0.2"/>
    <row r="584" ht="20.100000000000001" customHeight="1" x14ac:dyDescent="0.2"/>
    <row r="585" ht="20.100000000000001" customHeight="1" x14ac:dyDescent="0.2"/>
    <row r="586" ht="20.100000000000001" customHeight="1" x14ac:dyDescent="0.2"/>
    <row r="587" ht="20.100000000000001" customHeight="1" x14ac:dyDescent="0.2"/>
    <row r="588" ht="20.100000000000001" customHeight="1" x14ac:dyDescent="0.2"/>
    <row r="589" ht="20.100000000000001" customHeight="1" x14ac:dyDescent="0.2"/>
    <row r="590" ht="20.100000000000001" customHeight="1" x14ac:dyDescent="0.2"/>
    <row r="591" ht="20.100000000000001" customHeight="1" x14ac:dyDescent="0.2"/>
    <row r="592" ht="20.100000000000001" customHeight="1" x14ac:dyDescent="0.2"/>
    <row r="593" ht="20.100000000000001" customHeight="1" x14ac:dyDescent="0.2"/>
    <row r="594" ht="20.100000000000001" customHeight="1" x14ac:dyDescent="0.2"/>
    <row r="595" ht="20.100000000000001" customHeight="1" x14ac:dyDescent="0.2"/>
    <row r="596" ht="20.100000000000001" customHeight="1" x14ac:dyDescent="0.2"/>
    <row r="597" ht="20.100000000000001" customHeight="1" x14ac:dyDescent="0.2"/>
    <row r="598" ht="20.100000000000001" customHeight="1" x14ac:dyDescent="0.2"/>
    <row r="599" ht="20.100000000000001" customHeight="1" x14ac:dyDescent="0.2"/>
    <row r="600" ht="20.100000000000001" customHeight="1" x14ac:dyDescent="0.2"/>
    <row r="601" ht="20.100000000000001" customHeight="1" x14ac:dyDescent="0.2"/>
    <row r="602" ht="20.100000000000001" customHeight="1" x14ac:dyDescent="0.2"/>
    <row r="603" ht="20.100000000000001" customHeight="1" x14ac:dyDescent="0.2"/>
    <row r="604" ht="20.100000000000001" customHeight="1" x14ac:dyDescent="0.2"/>
    <row r="605" ht="20.100000000000001" customHeight="1" x14ac:dyDescent="0.2"/>
    <row r="606" ht="20.100000000000001" customHeight="1" x14ac:dyDescent="0.2"/>
    <row r="607" ht="20.100000000000001" customHeight="1" x14ac:dyDescent="0.2"/>
    <row r="608" ht="20.100000000000001" customHeight="1" x14ac:dyDescent="0.2"/>
    <row r="609" ht="20.100000000000001" customHeight="1" x14ac:dyDescent="0.2"/>
    <row r="610" ht="20.100000000000001" customHeight="1" x14ac:dyDescent="0.2"/>
    <row r="611" ht="20.100000000000001" customHeight="1" x14ac:dyDescent="0.2"/>
    <row r="612" ht="20.100000000000001" customHeight="1" x14ac:dyDescent="0.2"/>
    <row r="613" ht="20.100000000000001" customHeight="1" x14ac:dyDescent="0.2"/>
    <row r="614" ht="20.100000000000001" customHeight="1" x14ac:dyDescent="0.2"/>
    <row r="615" ht="20.100000000000001" customHeight="1" x14ac:dyDescent="0.2"/>
    <row r="616" ht="20.100000000000001" customHeight="1" x14ac:dyDescent="0.2"/>
    <row r="617" ht="20.100000000000001" customHeight="1" x14ac:dyDescent="0.2"/>
    <row r="618" ht="20.100000000000001" customHeight="1" x14ac:dyDescent="0.2"/>
    <row r="619" ht="20.100000000000001" customHeight="1" x14ac:dyDescent="0.2"/>
    <row r="620" ht="20.100000000000001" customHeight="1" x14ac:dyDescent="0.2"/>
    <row r="621" ht="20.100000000000001" customHeight="1" x14ac:dyDescent="0.2"/>
    <row r="622" ht="20.100000000000001" customHeight="1" x14ac:dyDescent="0.2"/>
    <row r="623" ht="20.100000000000001" customHeight="1" x14ac:dyDescent="0.2"/>
    <row r="624" ht="20.100000000000001" customHeight="1" x14ac:dyDescent="0.2"/>
    <row r="625" ht="20.100000000000001" customHeight="1" x14ac:dyDescent="0.2"/>
    <row r="626" ht="20.100000000000001" customHeight="1" x14ac:dyDescent="0.2"/>
    <row r="627" ht="20.100000000000001" customHeight="1" x14ac:dyDescent="0.2"/>
    <row r="628" ht="20.100000000000001" customHeight="1" x14ac:dyDescent="0.2"/>
    <row r="629" ht="20.100000000000001" customHeight="1" x14ac:dyDescent="0.2"/>
    <row r="630" ht="20.100000000000001" customHeight="1" x14ac:dyDescent="0.2"/>
    <row r="631" ht="20.100000000000001" customHeight="1" x14ac:dyDescent="0.2"/>
    <row r="632" ht="20.100000000000001" customHeight="1" x14ac:dyDescent="0.2"/>
    <row r="633" ht="20.100000000000001" customHeight="1" x14ac:dyDescent="0.2"/>
    <row r="634" ht="20.100000000000001" customHeight="1" x14ac:dyDescent="0.2"/>
    <row r="635" ht="20.100000000000001" customHeight="1" x14ac:dyDescent="0.2"/>
    <row r="636" ht="20.100000000000001" customHeight="1" x14ac:dyDescent="0.2"/>
    <row r="637" ht="20.100000000000001" customHeight="1" x14ac:dyDescent="0.2"/>
    <row r="638" ht="20.100000000000001" customHeight="1" x14ac:dyDescent="0.2"/>
    <row r="639" ht="20.100000000000001" customHeight="1" x14ac:dyDescent="0.2"/>
    <row r="640" ht="20.100000000000001" customHeight="1" x14ac:dyDescent="0.2"/>
    <row r="641" ht="20.100000000000001" customHeight="1" x14ac:dyDescent="0.2"/>
    <row r="642" ht="20.100000000000001" customHeight="1" x14ac:dyDescent="0.2"/>
    <row r="643" ht="20.100000000000001" customHeight="1" x14ac:dyDescent="0.2"/>
    <row r="644" ht="20.100000000000001" customHeight="1" x14ac:dyDescent="0.2"/>
    <row r="645" ht="20.100000000000001" customHeight="1" x14ac:dyDescent="0.2"/>
    <row r="646" ht="20.100000000000001" customHeight="1" x14ac:dyDescent="0.2"/>
    <row r="647" ht="20.100000000000001" customHeight="1" x14ac:dyDescent="0.2"/>
    <row r="648" ht="20.100000000000001" customHeight="1" x14ac:dyDescent="0.2"/>
    <row r="649" ht="20.100000000000001" customHeight="1" x14ac:dyDescent="0.2"/>
    <row r="650" ht="20.100000000000001" customHeight="1" x14ac:dyDescent="0.2"/>
    <row r="651" ht="20.100000000000001" customHeight="1" x14ac:dyDescent="0.2"/>
    <row r="652" ht="20.100000000000001" customHeight="1" x14ac:dyDescent="0.2"/>
    <row r="653" ht="20.100000000000001" customHeight="1" x14ac:dyDescent="0.2"/>
    <row r="654" ht="20.100000000000001" customHeight="1" x14ac:dyDescent="0.2"/>
    <row r="655" ht="20.100000000000001" customHeight="1" x14ac:dyDescent="0.2"/>
    <row r="656" ht="20.100000000000001" customHeight="1" x14ac:dyDescent="0.2"/>
    <row r="657" ht="20.100000000000001" customHeight="1" x14ac:dyDescent="0.2"/>
    <row r="658" ht="20.100000000000001" customHeight="1" x14ac:dyDescent="0.2"/>
    <row r="659" ht="20.100000000000001" customHeight="1" x14ac:dyDescent="0.2"/>
    <row r="660" ht="20.100000000000001" customHeight="1" x14ac:dyDescent="0.2"/>
    <row r="661" ht="20.100000000000001" customHeight="1" x14ac:dyDescent="0.2"/>
    <row r="662" ht="20.100000000000001" customHeight="1" x14ac:dyDescent="0.2"/>
    <row r="663" ht="20.100000000000001" customHeight="1" x14ac:dyDescent="0.2"/>
    <row r="664" ht="20.100000000000001" customHeight="1" x14ac:dyDescent="0.2"/>
    <row r="665" ht="20.100000000000001" customHeight="1" x14ac:dyDescent="0.2"/>
    <row r="666" ht="20.100000000000001" customHeight="1" x14ac:dyDescent="0.2"/>
    <row r="667" ht="20.100000000000001" customHeight="1" x14ac:dyDescent="0.2"/>
    <row r="668" ht="20.100000000000001" customHeight="1" x14ac:dyDescent="0.2"/>
    <row r="669" ht="20.100000000000001" customHeight="1" x14ac:dyDescent="0.2"/>
    <row r="670" ht="20.100000000000001" customHeight="1" x14ac:dyDescent="0.2"/>
    <row r="671" ht="20.100000000000001" customHeight="1" x14ac:dyDescent="0.2"/>
    <row r="672" ht="20.100000000000001" customHeight="1" x14ac:dyDescent="0.2"/>
    <row r="673" ht="20.100000000000001" customHeight="1" x14ac:dyDescent="0.2"/>
    <row r="674" ht="20.100000000000001" customHeight="1" x14ac:dyDescent="0.2"/>
    <row r="675" ht="20.100000000000001" customHeight="1" x14ac:dyDescent="0.2"/>
    <row r="676" ht="20.100000000000001" customHeight="1" x14ac:dyDescent="0.2"/>
    <row r="677" ht="20.100000000000001" customHeight="1" x14ac:dyDescent="0.2"/>
    <row r="678" ht="20.100000000000001" customHeight="1" x14ac:dyDescent="0.2"/>
    <row r="679" ht="20.100000000000001" customHeight="1" x14ac:dyDescent="0.2"/>
    <row r="680" ht="20.100000000000001" customHeight="1" x14ac:dyDescent="0.2"/>
    <row r="681" ht="20.100000000000001" customHeight="1" x14ac:dyDescent="0.2"/>
    <row r="682" ht="20.100000000000001" customHeight="1" x14ac:dyDescent="0.2"/>
    <row r="683" ht="20.100000000000001" customHeight="1" x14ac:dyDescent="0.2"/>
    <row r="684" ht="20.100000000000001" customHeight="1" x14ac:dyDescent="0.2"/>
    <row r="685" ht="20.100000000000001" customHeight="1" x14ac:dyDescent="0.2"/>
    <row r="686" ht="20.100000000000001" customHeight="1" x14ac:dyDescent="0.2"/>
    <row r="687" ht="20.100000000000001" customHeight="1" x14ac:dyDescent="0.2"/>
    <row r="688" ht="20.100000000000001" customHeight="1" x14ac:dyDescent="0.2"/>
    <row r="689" ht="20.100000000000001" customHeight="1" x14ac:dyDescent="0.2"/>
    <row r="690" ht="20.100000000000001" customHeight="1" x14ac:dyDescent="0.2"/>
    <row r="691" ht="20.100000000000001" customHeight="1" x14ac:dyDescent="0.2"/>
    <row r="692" ht="20.100000000000001" customHeight="1" x14ac:dyDescent="0.2"/>
    <row r="693" ht="20.100000000000001" customHeight="1" x14ac:dyDescent="0.2"/>
    <row r="694" ht="20.100000000000001" customHeight="1" x14ac:dyDescent="0.2"/>
    <row r="695" ht="20.100000000000001" customHeight="1" x14ac:dyDescent="0.2"/>
    <row r="696" ht="20.100000000000001" customHeight="1" x14ac:dyDescent="0.2"/>
    <row r="697" ht="20.100000000000001" customHeight="1" x14ac:dyDescent="0.2"/>
    <row r="698" ht="20.100000000000001" customHeight="1" x14ac:dyDescent="0.2"/>
    <row r="699" ht="20.100000000000001" customHeight="1" x14ac:dyDescent="0.2"/>
    <row r="700" ht="20.100000000000001" customHeight="1" x14ac:dyDescent="0.2"/>
    <row r="701" ht="20.100000000000001" customHeight="1" x14ac:dyDescent="0.2"/>
    <row r="702" ht="20.100000000000001" customHeight="1" x14ac:dyDescent="0.2"/>
    <row r="703" ht="20.100000000000001" customHeight="1" x14ac:dyDescent="0.2"/>
    <row r="704" ht="20.100000000000001" customHeight="1" x14ac:dyDescent="0.2"/>
    <row r="705" ht="20.100000000000001" customHeight="1" x14ac:dyDescent="0.2"/>
    <row r="706" ht="20.100000000000001" customHeight="1" x14ac:dyDescent="0.2"/>
    <row r="707" ht="20.100000000000001" customHeight="1" x14ac:dyDescent="0.2"/>
    <row r="708" ht="20.100000000000001" customHeight="1" x14ac:dyDescent="0.2"/>
    <row r="709" ht="20.100000000000001" customHeight="1" x14ac:dyDescent="0.2"/>
    <row r="710" ht="20.100000000000001" customHeight="1" x14ac:dyDescent="0.2"/>
    <row r="711" ht="20.100000000000001" customHeight="1" x14ac:dyDescent="0.2"/>
    <row r="712" ht="20.100000000000001" customHeight="1" x14ac:dyDescent="0.2"/>
    <row r="713" ht="20.100000000000001" customHeight="1" x14ac:dyDescent="0.2"/>
    <row r="714" ht="20.100000000000001" customHeight="1" x14ac:dyDescent="0.2"/>
    <row r="715" ht="20.100000000000001" customHeight="1" x14ac:dyDescent="0.2"/>
    <row r="716" ht="20.100000000000001" customHeight="1" x14ac:dyDescent="0.2"/>
    <row r="717" ht="20.100000000000001" customHeight="1" x14ac:dyDescent="0.2"/>
    <row r="718" ht="20.100000000000001" customHeight="1" x14ac:dyDescent="0.2"/>
    <row r="719" ht="20.100000000000001" customHeight="1" x14ac:dyDescent="0.2"/>
    <row r="720" ht="20.100000000000001" customHeight="1" x14ac:dyDescent="0.2"/>
    <row r="721" ht="20.100000000000001" customHeight="1" x14ac:dyDescent="0.2"/>
    <row r="722" ht="20.100000000000001" customHeight="1" x14ac:dyDescent="0.2"/>
    <row r="723" ht="20.100000000000001" customHeight="1" x14ac:dyDescent="0.2"/>
    <row r="724" ht="20.100000000000001" customHeight="1" x14ac:dyDescent="0.2"/>
    <row r="725" ht="20.100000000000001" customHeight="1" x14ac:dyDescent="0.2"/>
    <row r="726" ht="20.100000000000001" customHeight="1" x14ac:dyDescent="0.2"/>
    <row r="727" ht="20.100000000000001" customHeight="1" x14ac:dyDescent="0.2"/>
    <row r="728" ht="20.100000000000001" customHeight="1" x14ac:dyDescent="0.2"/>
    <row r="729" ht="20.100000000000001" customHeight="1" x14ac:dyDescent="0.2"/>
    <row r="730" ht="20.100000000000001" customHeight="1" x14ac:dyDescent="0.2"/>
    <row r="731" ht="20.100000000000001" customHeight="1" x14ac:dyDescent="0.2"/>
    <row r="732" ht="20.100000000000001" customHeight="1" x14ac:dyDescent="0.2"/>
    <row r="733" ht="20.100000000000001" customHeight="1" x14ac:dyDescent="0.2"/>
    <row r="734" ht="20.100000000000001" customHeight="1" x14ac:dyDescent="0.2"/>
    <row r="735" ht="20.100000000000001" customHeight="1" x14ac:dyDescent="0.2"/>
    <row r="736" ht="20.100000000000001" customHeight="1" x14ac:dyDescent="0.2"/>
    <row r="737" ht="20.100000000000001" customHeight="1" x14ac:dyDescent="0.2"/>
    <row r="738" ht="20.100000000000001" customHeight="1" x14ac:dyDescent="0.2"/>
    <row r="739" ht="20.100000000000001" customHeight="1" x14ac:dyDescent="0.2"/>
    <row r="740" ht="20.100000000000001" customHeight="1" x14ac:dyDescent="0.2"/>
    <row r="741" ht="20.100000000000001" customHeight="1" x14ac:dyDescent="0.2"/>
    <row r="742" ht="20.100000000000001" customHeight="1" x14ac:dyDescent="0.2"/>
    <row r="743" ht="20.100000000000001" customHeight="1" x14ac:dyDescent="0.2"/>
    <row r="744" ht="20.100000000000001" customHeight="1" x14ac:dyDescent="0.2"/>
    <row r="745" ht="20.100000000000001" customHeight="1" x14ac:dyDescent="0.2"/>
    <row r="746" ht="20.100000000000001" customHeight="1" x14ac:dyDescent="0.2"/>
    <row r="747" ht="20.100000000000001" customHeight="1" x14ac:dyDescent="0.2"/>
    <row r="748" ht="20.100000000000001" customHeight="1" x14ac:dyDescent="0.2"/>
    <row r="749" ht="20.100000000000001" customHeight="1" x14ac:dyDescent="0.2"/>
    <row r="750" ht="20.100000000000001" customHeight="1" x14ac:dyDescent="0.2"/>
    <row r="751" ht="20.100000000000001" customHeight="1" x14ac:dyDescent="0.2"/>
    <row r="752" ht="20.100000000000001" customHeight="1" x14ac:dyDescent="0.2"/>
    <row r="753" ht="20.100000000000001" customHeight="1" x14ac:dyDescent="0.2"/>
    <row r="754" ht="20.100000000000001" customHeight="1" x14ac:dyDescent="0.2"/>
    <row r="755" ht="20.100000000000001" customHeight="1" x14ac:dyDescent="0.2"/>
    <row r="756" ht="20.100000000000001" customHeight="1" x14ac:dyDescent="0.2"/>
    <row r="757" ht="20.100000000000001" customHeight="1" x14ac:dyDescent="0.2"/>
    <row r="758" ht="20.100000000000001" customHeight="1" x14ac:dyDescent="0.2"/>
    <row r="759" ht="20.100000000000001" customHeight="1" x14ac:dyDescent="0.2"/>
    <row r="760" ht="20.100000000000001" customHeight="1" x14ac:dyDescent="0.2"/>
    <row r="761" ht="20.100000000000001" customHeight="1" x14ac:dyDescent="0.2"/>
    <row r="762" ht="20.100000000000001" customHeight="1" x14ac:dyDescent="0.2"/>
    <row r="763" ht="20.100000000000001" customHeight="1" x14ac:dyDescent="0.2"/>
    <row r="764" ht="20.100000000000001" customHeight="1" x14ac:dyDescent="0.2"/>
    <row r="765" ht="20.100000000000001" customHeight="1" x14ac:dyDescent="0.2"/>
    <row r="766" ht="20.100000000000001" customHeight="1" x14ac:dyDescent="0.2"/>
    <row r="767" ht="20.100000000000001" customHeight="1" x14ac:dyDescent="0.2"/>
    <row r="768" ht="20.100000000000001" customHeight="1" x14ac:dyDescent="0.2"/>
    <row r="769" ht="20.100000000000001" customHeight="1" x14ac:dyDescent="0.2"/>
    <row r="770" ht="20.100000000000001" customHeight="1" x14ac:dyDescent="0.2"/>
    <row r="771" ht="20.100000000000001" customHeight="1" x14ac:dyDescent="0.2"/>
    <row r="772" ht="20.100000000000001" customHeight="1" x14ac:dyDescent="0.2"/>
    <row r="773" ht="20.100000000000001" customHeight="1" x14ac:dyDescent="0.2"/>
    <row r="774" ht="20.100000000000001" customHeight="1" x14ac:dyDescent="0.2"/>
    <row r="775" ht="20.100000000000001" customHeight="1" x14ac:dyDescent="0.2"/>
    <row r="776" ht="20.100000000000001" customHeight="1" x14ac:dyDescent="0.2"/>
    <row r="777" ht="20.100000000000001" customHeight="1" x14ac:dyDescent="0.2"/>
    <row r="778" ht="20.100000000000001" customHeight="1" x14ac:dyDescent="0.2"/>
    <row r="779" ht="20.100000000000001" customHeight="1" x14ac:dyDescent="0.2"/>
    <row r="780" ht="20.100000000000001" customHeight="1" x14ac:dyDescent="0.2"/>
    <row r="781" ht="20.100000000000001" customHeight="1" x14ac:dyDescent="0.2"/>
    <row r="782" ht="20.100000000000001" customHeight="1" x14ac:dyDescent="0.2"/>
    <row r="783" ht="20.100000000000001" customHeight="1" x14ac:dyDescent="0.2"/>
    <row r="784" ht="20.100000000000001" customHeight="1" x14ac:dyDescent="0.2"/>
    <row r="785" ht="20.100000000000001" customHeight="1" x14ac:dyDescent="0.2"/>
    <row r="786" ht="20.100000000000001" customHeight="1" x14ac:dyDescent="0.2"/>
    <row r="787" ht="20.100000000000001" customHeight="1" x14ac:dyDescent="0.2"/>
    <row r="788" ht="20.100000000000001" customHeight="1" x14ac:dyDescent="0.2"/>
    <row r="789" ht="20.100000000000001" customHeight="1" x14ac:dyDescent="0.2"/>
    <row r="790" ht="20.100000000000001" customHeight="1" x14ac:dyDescent="0.2"/>
    <row r="791" ht="20.100000000000001" customHeight="1" x14ac:dyDescent="0.2"/>
    <row r="792" ht="20.100000000000001" customHeight="1" x14ac:dyDescent="0.2"/>
    <row r="793" ht="20.100000000000001" customHeight="1" x14ac:dyDescent="0.2"/>
    <row r="794" ht="20.100000000000001" customHeight="1" x14ac:dyDescent="0.2"/>
    <row r="795" ht="20.100000000000001" customHeight="1" x14ac:dyDescent="0.2"/>
    <row r="796" ht="20.100000000000001" customHeight="1" x14ac:dyDescent="0.2"/>
    <row r="797" ht="20.100000000000001" customHeight="1" x14ac:dyDescent="0.2"/>
    <row r="798" ht="20.100000000000001" customHeight="1" x14ac:dyDescent="0.2"/>
    <row r="799" ht="20.100000000000001" customHeight="1" x14ac:dyDescent="0.2"/>
    <row r="800" ht="20.100000000000001" customHeight="1" x14ac:dyDescent="0.2"/>
    <row r="801" ht="20.100000000000001" customHeight="1" x14ac:dyDescent="0.2"/>
    <row r="802" ht="20.100000000000001" customHeight="1" x14ac:dyDescent="0.2"/>
    <row r="803" ht="20.100000000000001" customHeight="1" x14ac:dyDescent="0.2"/>
    <row r="804" ht="20.100000000000001" customHeight="1" x14ac:dyDescent="0.2"/>
    <row r="805" ht="20.100000000000001" customHeight="1" x14ac:dyDescent="0.2"/>
    <row r="806" ht="20.100000000000001" customHeight="1" x14ac:dyDescent="0.2"/>
    <row r="807" ht="20.100000000000001" customHeight="1" x14ac:dyDescent="0.2"/>
    <row r="808" ht="20.100000000000001" customHeight="1" x14ac:dyDescent="0.2"/>
    <row r="809" ht="20.100000000000001" customHeight="1" x14ac:dyDescent="0.2"/>
    <row r="810" ht="20.100000000000001" customHeight="1" x14ac:dyDescent="0.2"/>
    <row r="811" ht="20.100000000000001" customHeight="1" x14ac:dyDescent="0.2"/>
    <row r="812" ht="20.100000000000001" customHeight="1" x14ac:dyDescent="0.2"/>
    <row r="813" ht="20.100000000000001" customHeight="1" x14ac:dyDescent="0.2"/>
    <row r="814" ht="20.100000000000001" customHeight="1" x14ac:dyDescent="0.2"/>
    <row r="815" ht="20.100000000000001" customHeight="1" x14ac:dyDescent="0.2"/>
    <row r="816" ht="20.100000000000001" customHeight="1" x14ac:dyDescent="0.2"/>
    <row r="817" ht="20.100000000000001" customHeight="1" x14ac:dyDescent="0.2"/>
    <row r="818" ht="20.100000000000001" customHeight="1" x14ac:dyDescent="0.2"/>
    <row r="819" ht="20.100000000000001" customHeight="1" x14ac:dyDescent="0.2"/>
    <row r="820" ht="20.100000000000001" customHeight="1" x14ac:dyDescent="0.2"/>
    <row r="821" ht="20.100000000000001" customHeight="1" x14ac:dyDescent="0.2"/>
    <row r="822" ht="20.100000000000001" customHeight="1" x14ac:dyDescent="0.2"/>
    <row r="823" ht="20.100000000000001" customHeight="1" x14ac:dyDescent="0.2"/>
    <row r="824" ht="20.100000000000001" customHeight="1" x14ac:dyDescent="0.2"/>
    <row r="825" ht="20.100000000000001" customHeight="1" x14ac:dyDescent="0.2"/>
    <row r="826" ht="20.100000000000001" customHeight="1" x14ac:dyDescent="0.2"/>
    <row r="827" ht="20.100000000000001" customHeight="1" x14ac:dyDescent="0.2"/>
    <row r="828" ht="20.100000000000001" customHeight="1" x14ac:dyDescent="0.2"/>
    <row r="829" ht="20.100000000000001" customHeight="1" x14ac:dyDescent="0.2"/>
    <row r="830" ht="20.100000000000001" customHeight="1" x14ac:dyDescent="0.2"/>
    <row r="831" ht="20.100000000000001" customHeight="1" x14ac:dyDescent="0.2"/>
    <row r="832" ht="20.100000000000001" customHeight="1" x14ac:dyDescent="0.2"/>
    <row r="833" ht="20.100000000000001" customHeight="1" x14ac:dyDescent="0.2"/>
    <row r="834" ht="20.100000000000001" customHeight="1" x14ac:dyDescent="0.2"/>
    <row r="835" ht="20.100000000000001" customHeight="1" x14ac:dyDescent="0.2"/>
    <row r="836" ht="20.100000000000001" customHeight="1" x14ac:dyDescent="0.2"/>
    <row r="837" ht="20.100000000000001" customHeight="1" x14ac:dyDescent="0.2"/>
    <row r="838" ht="20.100000000000001" customHeight="1" x14ac:dyDescent="0.2"/>
    <row r="839" ht="20.100000000000001" customHeight="1" x14ac:dyDescent="0.2"/>
    <row r="840" ht="20.100000000000001" customHeight="1" x14ac:dyDescent="0.2"/>
    <row r="841" ht="20.100000000000001" customHeight="1" x14ac:dyDescent="0.2"/>
    <row r="842" ht="20.100000000000001" customHeight="1" x14ac:dyDescent="0.2"/>
    <row r="843" ht="20.100000000000001" customHeight="1" x14ac:dyDescent="0.2"/>
    <row r="844" ht="20.100000000000001" customHeight="1" x14ac:dyDescent="0.2"/>
    <row r="845" ht="20.100000000000001" customHeight="1" x14ac:dyDescent="0.2"/>
    <row r="846" ht="20.100000000000001" customHeight="1" x14ac:dyDescent="0.2"/>
    <row r="847" ht="20.100000000000001" customHeight="1" x14ac:dyDescent="0.2"/>
    <row r="848" ht="20.100000000000001" customHeight="1" x14ac:dyDescent="0.2"/>
    <row r="849" ht="20.100000000000001" customHeight="1" x14ac:dyDescent="0.2"/>
    <row r="850" ht="20.100000000000001" customHeight="1" x14ac:dyDescent="0.2"/>
    <row r="851" ht="20.100000000000001" customHeight="1" x14ac:dyDescent="0.2"/>
    <row r="852" ht="20.100000000000001" customHeight="1" x14ac:dyDescent="0.2"/>
    <row r="853" ht="20.100000000000001" customHeight="1" x14ac:dyDescent="0.2"/>
    <row r="854" ht="20.100000000000001" customHeight="1" x14ac:dyDescent="0.2"/>
    <row r="855" ht="20.100000000000001" customHeight="1" x14ac:dyDescent="0.2"/>
    <row r="856" ht="20.100000000000001" customHeight="1" x14ac:dyDescent="0.2"/>
    <row r="857" ht="20.100000000000001" customHeight="1" x14ac:dyDescent="0.2"/>
    <row r="858" ht="20.100000000000001" customHeight="1" x14ac:dyDescent="0.2"/>
    <row r="859" ht="20.100000000000001" customHeight="1" x14ac:dyDescent="0.2"/>
    <row r="860" ht="20.100000000000001" customHeight="1" x14ac:dyDescent="0.2"/>
    <row r="861" ht="20.100000000000001" customHeight="1" x14ac:dyDescent="0.2"/>
    <row r="862" ht="20.100000000000001" customHeight="1" x14ac:dyDescent="0.2"/>
    <row r="863" ht="20.100000000000001" customHeight="1" x14ac:dyDescent="0.2"/>
    <row r="864" ht="20.100000000000001" customHeight="1" x14ac:dyDescent="0.2"/>
    <row r="865" ht="20.100000000000001" customHeight="1" x14ac:dyDescent="0.2"/>
    <row r="866" ht="20.100000000000001" customHeight="1" x14ac:dyDescent="0.2"/>
    <row r="867" ht="20.100000000000001" customHeight="1" x14ac:dyDescent="0.2"/>
    <row r="868" ht="20.100000000000001" customHeight="1" x14ac:dyDescent="0.2"/>
    <row r="869" ht="20.100000000000001" customHeight="1" x14ac:dyDescent="0.2"/>
    <row r="870" ht="20.100000000000001" customHeight="1" x14ac:dyDescent="0.2"/>
    <row r="871" ht="20.100000000000001" customHeight="1" x14ac:dyDescent="0.2"/>
    <row r="872" ht="20.100000000000001" customHeight="1" x14ac:dyDescent="0.2"/>
    <row r="873" ht="20.100000000000001" customHeight="1" x14ac:dyDescent="0.2"/>
    <row r="874" ht="20.100000000000001" customHeight="1" x14ac:dyDescent="0.2"/>
    <row r="875" ht="20.100000000000001" customHeight="1" x14ac:dyDescent="0.2"/>
    <row r="876" ht="20.100000000000001" customHeight="1" x14ac:dyDescent="0.2"/>
    <row r="877" ht="20.100000000000001" customHeight="1" x14ac:dyDescent="0.2"/>
    <row r="878" ht="20.100000000000001" customHeight="1" x14ac:dyDescent="0.2"/>
    <row r="879" ht="20.100000000000001" customHeight="1" x14ac:dyDescent="0.2"/>
    <row r="880" ht="20.100000000000001" customHeight="1" x14ac:dyDescent="0.2"/>
    <row r="881" ht="20.100000000000001" customHeight="1" x14ac:dyDescent="0.2"/>
    <row r="882" ht="20.100000000000001" customHeight="1" x14ac:dyDescent="0.2"/>
    <row r="883" ht="20.100000000000001" customHeight="1" x14ac:dyDescent="0.2"/>
    <row r="884" ht="20.100000000000001" customHeight="1" x14ac:dyDescent="0.2"/>
    <row r="885" ht="20.100000000000001" customHeight="1" x14ac:dyDescent="0.2"/>
    <row r="886" ht="20.100000000000001" customHeight="1" x14ac:dyDescent="0.2"/>
    <row r="887" ht="20.100000000000001" customHeight="1" x14ac:dyDescent="0.2"/>
    <row r="888" ht="20.100000000000001" customHeight="1" x14ac:dyDescent="0.2"/>
    <row r="889" ht="20.100000000000001" customHeight="1" x14ac:dyDescent="0.2"/>
    <row r="890" ht="20.100000000000001" customHeight="1" x14ac:dyDescent="0.2"/>
    <row r="891" ht="20.100000000000001" customHeight="1" x14ac:dyDescent="0.2"/>
    <row r="892" ht="20.100000000000001" customHeight="1" x14ac:dyDescent="0.2"/>
    <row r="893" ht="20.100000000000001" customHeight="1" x14ac:dyDescent="0.2"/>
    <row r="894" ht="20.100000000000001" customHeight="1" x14ac:dyDescent="0.2"/>
    <row r="895" ht="20.100000000000001" customHeight="1" x14ac:dyDescent="0.2"/>
    <row r="896" ht="20.100000000000001" customHeight="1" x14ac:dyDescent="0.2"/>
    <row r="897" ht="20.100000000000001" customHeight="1" x14ac:dyDescent="0.2"/>
    <row r="898" ht="20.100000000000001" customHeight="1" x14ac:dyDescent="0.2"/>
    <row r="899" ht="20.100000000000001" customHeight="1" x14ac:dyDescent="0.2"/>
    <row r="900" ht="20.100000000000001" customHeight="1" x14ac:dyDescent="0.2"/>
    <row r="901" ht="20.100000000000001" customHeight="1" x14ac:dyDescent="0.2"/>
    <row r="902" ht="20.100000000000001" customHeight="1" x14ac:dyDescent="0.2"/>
    <row r="903" ht="20.100000000000001" customHeight="1" x14ac:dyDescent="0.2"/>
    <row r="904" ht="20.100000000000001" customHeight="1" x14ac:dyDescent="0.2"/>
    <row r="905" ht="20.100000000000001" customHeight="1" x14ac:dyDescent="0.2"/>
    <row r="906" ht="20.100000000000001" customHeight="1" x14ac:dyDescent="0.2"/>
    <row r="907" ht="20.100000000000001" customHeight="1" x14ac:dyDescent="0.2"/>
    <row r="908" ht="20.100000000000001" customHeight="1" x14ac:dyDescent="0.2"/>
    <row r="909" ht="20.100000000000001" customHeight="1" x14ac:dyDescent="0.2"/>
    <row r="910" ht="20.100000000000001" customHeight="1" x14ac:dyDescent="0.2"/>
    <row r="911" ht="20.100000000000001" customHeight="1" x14ac:dyDescent="0.2"/>
    <row r="912" ht="20.100000000000001" customHeight="1" x14ac:dyDescent="0.2"/>
    <row r="913" ht="20.100000000000001" customHeight="1" x14ac:dyDescent="0.2"/>
    <row r="914" ht="20.100000000000001" customHeight="1" x14ac:dyDescent="0.2"/>
    <row r="915" ht="20.100000000000001" customHeight="1" x14ac:dyDescent="0.2"/>
    <row r="916" ht="20.100000000000001" customHeight="1" x14ac:dyDescent="0.2"/>
    <row r="917" ht="20.100000000000001" customHeight="1" x14ac:dyDescent="0.2"/>
    <row r="918" ht="20.100000000000001" customHeight="1" x14ac:dyDescent="0.2"/>
    <row r="919" ht="20.100000000000001" customHeight="1" x14ac:dyDescent="0.2"/>
    <row r="920" ht="20.100000000000001" customHeight="1" x14ac:dyDescent="0.2"/>
    <row r="921" ht="20.100000000000001" customHeight="1" x14ac:dyDescent="0.2"/>
    <row r="922" ht="20.100000000000001" customHeight="1" x14ac:dyDescent="0.2"/>
    <row r="923" ht="20.100000000000001" customHeight="1" x14ac:dyDescent="0.2"/>
    <row r="924" ht="20.100000000000001" customHeight="1" x14ac:dyDescent="0.2"/>
    <row r="925" ht="20.100000000000001" customHeight="1" x14ac:dyDescent="0.2"/>
    <row r="926" ht="20.100000000000001" customHeight="1" x14ac:dyDescent="0.2"/>
    <row r="927" ht="20.100000000000001" customHeight="1" x14ac:dyDescent="0.2"/>
    <row r="928" ht="20.100000000000001" customHeight="1" x14ac:dyDescent="0.2"/>
    <row r="929" ht="20.100000000000001" customHeight="1" x14ac:dyDescent="0.2"/>
    <row r="930" ht="20.100000000000001" customHeight="1" x14ac:dyDescent="0.2"/>
    <row r="931" ht="20.100000000000001" customHeight="1" x14ac:dyDescent="0.2"/>
    <row r="932" ht="20.100000000000001" customHeight="1" x14ac:dyDescent="0.2"/>
    <row r="933" ht="20.100000000000001" customHeight="1" x14ac:dyDescent="0.2"/>
    <row r="934" ht="20.100000000000001" customHeight="1" x14ac:dyDescent="0.2"/>
    <row r="935" ht="20.100000000000001" customHeight="1" x14ac:dyDescent="0.2"/>
    <row r="936" ht="20.100000000000001" customHeight="1" x14ac:dyDescent="0.2"/>
    <row r="937" ht="20.100000000000001" customHeight="1" x14ac:dyDescent="0.2"/>
    <row r="938" ht="20.100000000000001" customHeight="1" x14ac:dyDescent="0.2"/>
    <row r="939" ht="20.100000000000001" customHeight="1" x14ac:dyDescent="0.2"/>
    <row r="940" ht="20.100000000000001" customHeight="1" x14ac:dyDescent="0.2"/>
    <row r="941" ht="20.100000000000001" customHeight="1" x14ac:dyDescent="0.2"/>
    <row r="942" ht="20.100000000000001" customHeight="1" x14ac:dyDescent="0.2"/>
    <row r="943" ht="20.100000000000001" customHeight="1" x14ac:dyDescent="0.2"/>
    <row r="944" ht="20.100000000000001" customHeight="1" x14ac:dyDescent="0.2"/>
    <row r="945" ht="20.100000000000001" customHeight="1" x14ac:dyDescent="0.2"/>
    <row r="946" ht="20.100000000000001" customHeight="1" x14ac:dyDescent="0.2"/>
    <row r="947" ht="20.100000000000001" customHeight="1" x14ac:dyDescent="0.2"/>
    <row r="948" ht="20.100000000000001" customHeight="1" x14ac:dyDescent="0.2"/>
    <row r="949" ht="20.100000000000001" customHeight="1" x14ac:dyDescent="0.2"/>
    <row r="950" ht="20.100000000000001" customHeight="1" x14ac:dyDescent="0.2"/>
    <row r="951" ht="20.100000000000001" customHeight="1" x14ac:dyDescent="0.2"/>
    <row r="952" ht="20.100000000000001" customHeight="1" x14ac:dyDescent="0.2"/>
    <row r="953" ht="20.100000000000001" customHeight="1" x14ac:dyDescent="0.2"/>
    <row r="954" ht="20.100000000000001" customHeight="1" x14ac:dyDescent="0.2"/>
    <row r="955" ht="20.100000000000001" customHeight="1" x14ac:dyDescent="0.2"/>
    <row r="956" ht="20.100000000000001" customHeight="1" x14ac:dyDescent="0.2"/>
    <row r="957" ht="20.100000000000001" customHeight="1" x14ac:dyDescent="0.2"/>
    <row r="958" ht="20.100000000000001" customHeight="1" x14ac:dyDescent="0.2"/>
    <row r="959" ht="20.100000000000001" customHeight="1" x14ac:dyDescent="0.2"/>
    <row r="960" ht="20.100000000000001" customHeight="1" x14ac:dyDescent="0.2"/>
    <row r="961" ht="20.100000000000001" customHeight="1" x14ac:dyDescent="0.2"/>
    <row r="962" ht="20.100000000000001" customHeight="1" x14ac:dyDescent="0.2"/>
    <row r="963" ht="20.100000000000001" customHeight="1" x14ac:dyDescent="0.2"/>
    <row r="964" ht="20.100000000000001" customHeight="1" x14ac:dyDescent="0.2"/>
    <row r="965" ht="20.100000000000001" customHeight="1" x14ac:dyDescent="0.2"/>
    <row r="966" ht="20.100000000000001" customHeight="1" x14ac:dyDescent="0.2"/>
    <row r="967" ht="20.100000000000001" customHeight="1" x14ac:dyDescent="0.2"/>
    <row r="968" ht="20.100000000000001" customHeight="1" x14ac:dyDescent="0.2"/>
    <row r="969" ht="20.100000000000001" customHeight="1" x14ac:dyDescent="0.2"/>
    <row r="970" ht="20.100000000000001" customHeight="1" x14ac:dyDescent="0.2"/>
    <row r="971" ht="20.100000000000001" customHeight="1" x14ac:dyDescent="0.2"/>
    <row r="972" ht="20.100000000000001" customHeight="1" x14ac:dyDescent="0.2"/>
    <row r="973" ht="20.100000000000001" customHeight="1" x14ac:dyDescent="0.2"/>
    <row r="974" ht="20.100000000000001" customHeight="1" x14ac:dyDescent="0.2"/>
    <row r="975" ht="20.100000000000001" customHeight="1" x14ac:dyDescent="0.2"/>
    <row r="976" ht="20.100000000000001" customHeight="1" x14ac:dyDescent="0.2"/>
    <row r="977" ht="20.100000000000001" customHeight="1" x14ac:dyDescent="0.2"/>
    <row r="978" ht="20.100000000000001" customHeight="1" x14ac:dyDescent="0.2"/>
    <row r="979" ht="20.100000000000001" customHeight="1" x14ac:dyDescent="0.2"/>
    <row r="980" ht="20.100000000000001" customHeight="1" x14ac:dyDescent="0.2"/>
    <row r="981" ht="20.100000000000001" customHeight="1" x14ac:dyDescent="0.2"/>
    <row r="982" ht="20.100000000000001" customHeight="1" x14ac:dyDescent="0.2"/>
    <row r="983" ht="20.100000000000001" customHeight="1" x14ac:dyDescent="0.2"/>
    <row r="984" ht="20.100000000000001" customHeight="1" x14ac:dyDescent="0.2"/>
    <row r="985" ht="20.100000000000001" customHeight="1" x14ac:dyDescent="0.2"/>
    <row r="986" ht="20.100000000000001" customHeight="1" x14ac:dyDescent="0.2"/>
    <row r="987" ht="20.100000000000001" customHeight="1" x14ac:dyDescent="0.2"/>
    <row r="988" ht="20.100000000000001" customHeight="1" x14ac:dyDescent="0.2"/>
    <row r="989" ht="20.100000000000001" customHeight="1" x14ac:dyDescent="0.2"/>
    <row r="990" ht="20.100000000000001" customHeight="1" x14ac:dyDescent="0.2"/>
    <row r="991" ht="20.100000000000001" customHeight="1" x14ac:dyDescent="0.2"/>
    <row r="992" ht="20.100000000000001" customHeight="1" x14ac:dyDescent="0.2"/>
    <row r="993" ht="20.100000000000001" customHeight="1" x14ac:dyDescent="0.2"/>
    <row r="994" ht="20.100000000000001" customHeight="1" x14ac:dyDescent="0.2"/>
    <row r="995" ht="20.100000000000001" customHeight="1" x14ac:dyDescent="0.2"/>
    <row r="996" ht="20.100000000000001" customHeight="1" x14ac:dyDescent="0.2"/>
    <row r="997" ht="20.100000000000001" customHeight="1" x14ac:dyDescent="0.2"/>
    <row r="998" ht="20.100000000000001" customHeight="1" x14ac:dyDescent="0.2"/>
    <row r="999" ht="20.100000000000001" customHeight="1" x14ac:dyDescent="0.2"/>
    <row r="1000" ht="20.100000000000001" customHeight="1" x14ac:dyDescent="0.2"/>
    <row r="1001" ht="20.100000000000001" customHeight="1" x14ac:dyDescent="0.2"/>
    <row r="1002" ht="20.100000000000001" customHeight="1" x14ac:dyDescent="0.2"/>
    <row r="1003" ht="20.100000000000001" customHeight="1" x14ac:dyDescent="0.2"/>
    <row r="1004" ht="20.100000000000001" customHeight="1" x14ac:dyDescent="0.2"/>
    <row r="1005" ht="20.100000000000001" customHeight="1" x14ac:dyDescent="0.2"/>
    <row r="1006" ht="20.100000000000001" customHeight="1" x14ac:dyDescent="0.2"/>
    <row r="1007" ht="20.100000000000001" customHeight="1" x14ac:dyDescent="0.2"/>
    <row r="1008" ht="20.100000000000001" customHeight="1" x14ac:dyDescent="0.2"/>
    <row r="1009" ht="20.100000000000001" customHeight="1" x14ac:dyDescent="0.2"/>
    <row r="1010" ht="20.100000000000001" customHeight="1" x14ac:dyDescent="0.2"/>
    <row r="1011" ht="20.100000000000001" customHeight="1" x14ac:dyDescent="0.2"/>
    <row r="1012" ht="20.100000000000001" customHeight="1" x14ac:dyDescent="0.2"/>
    <row r="1013" ht="20.100000000000001" customHeight="1" x14ac:dyDescent="0.2"/>
    <row r="1014" ht="20.100000000000001" customHeight="1" x14ac:dyDescent="0.2"/>
    <row r="1015" ht="20.100000000000001" customHeight="1" x14ac:dyDescent="0.2"/>
    <row r="1016" ht="20.100000000000001" customHeight="1" x14ac:dyDescent="0.2"/>
    <row r="1017" ht="20.100000000000001" customHeight="1" x14ac:dyDescent="0.2"/>
    <row r="1018" ht="20.100000000000001" customHeight="1" x14ac:dyDescent="0.2"/>
    <row r="1019" ht="20.100000000000001" customHeight="1" x14ac:dyDescent="0.2"/>
    <row r="1020" ht="20.100000000000001" customHeight="1" x14ac:dyDescent="0.2"/>
    <row r="1021" ht="20.100000000000001" customHeight="1" x14ac:dyDescent="0.2"/>
    <row r="1022" ht="20.100000000000001" customHeight="1" x14ac:dyDescent="0.2"/>
    <row r="1023" ht="20.100000000000001" customHeight="1" x14ac:dyDescent="0.2"/>
    <row r="1024" ht="20.100000000000001" customHeight="1" x14ac:dyDescent="0.2"/>
    <row r="1025" ht="20.100000000000001" customHeight="1" x14ac:dyDescent="0.2"/>
    <row r="1026" ht="20.100000000000001" customHeight="1" x14ac:dyDescent="0.2"/>
    <row r="1027" ht="20.100000000000001" customHeight="1" x14ac:dyDescent="0.2"/>
    <row r="1028" ht="20.100000000000001" customHeight="1" x14ac:dyDescent="0.2"/>
    <row r="1029" ht="20.100000000000001" customHeight="1" x14ac:dyDescent="0.2"/>
    <row r="1030" ht="20.100000000000001" customHeight="1" x14ac:dyDescent="0.2"/>
    <row r="1031" ht="20.100000000000001" customHeight="1" x14ac:dyDescent="0.2"/>
    <row r="1032" ht="20.100000000000001" customHeight="1" x14ac:dyDescent="0.2"/>
    <row r="1033" ht="20.100000000000001" customHeight="1" x14ac:dyDescent="0.2"/>
    <row r="1034" ht="20.100000000000001" customHeight="1" x14ac:dyDescent="0.2"/>
    <row r="1035" ht="20.100000000000001" customHeight="1" x14ac:dyDescent="0.2"/>
    <row r="1036" ht="20.100000000000001" customHeight="1" x14ac:dyDescent="0.2"/>
    <row r="1037" ht="20.100000000000001" customHeight="1" x14ac:dyDescent="0.2"/>
    <row r="1038" ht="20.100000000000001" customHeight="1" x14ac:dyDescent="0.2"/>
    <row r="1039" ht="20.100000000000001" customHeight="1" x14ac:dyDescent="0.2"/>
    <row r="1040" ht="20.100000000000001" customHeight="1" x14ac:dyDescent="0.2"/>
    <row r="1041" ht="20.100000000000001" customHeight="1" x14ac:dyDescent="0.2"/>
    <row r="1042" ht="20.100000000000001" customHeight="1" x14ac:dyDescent="0.2"/>
    <row r="1043" ht="20.100000000000001" customHeight="1" x14ac:dyDescent="0.2"/>
    <row r="1044" ht="20.100000000000001" customHeight="1" x14ac:dyDescent="0.2"/>
    <row r="1045" ht="20.100000000000001" customHeight="1" x14ac:dyDescent="0.2"/>
    <row r="1046" ht="20.100000000000001" customHeight="1" x14ac:dyDescent="0.2"/>
    <row r="1047" ht="20.100000000000001" customHeight="1" x14ac:dyDescent="0.2"/>
    <row r="1048" ht="20.100000000000001" customHeight="1" x14ac:dyDescent="0.2"/>
    <row r="1049" ht="20.100000000000001" customHeight="1" x14ac:dyDescent="0.2"/>
    <row r="1050" ht="20.100000000000001" customHeight="1" x14ac:dyDescent="0.2"/>
    <row r="1051" ht="20.100000000000001" customHeight="1" x14ac:dyDescent="0.2"/>
    <row r="1052" ht="20.100000000000001" customHeight="1" x14ac:dyDescent="0.2"/>
    <row r="1053" ht="20.100000000000001" customHeight="1" x14ac:dyDescent="0.2"/>
    <row r="1054" ht="20.100000000000001" customHeight="1" x14ac:dyDescent="0.2"/>
    <row r="1055" ht="20.100000000000001" customHeight="1" x14ac:dyDescent="0.2"/>
    <row r="1056" ht="20.100000000000001" customHeight="1" x14ac:dyDescent="0.2"/>
    <row r="1057" ht="20.100000000000001" customHeight="1" x14ac:dyDescent="0.2"/>
    <row r="1058" ht="20.100000000000001" customHeight="1" x14ac:dyDescent="0.2"/>
    <row r="1059" ht="20.100000000000001" customHeight="1" x14ac:dyDescent="0.2"/>
    <row r="1060" ht="20.100000000000001" customHeight="1" x14ac:dyDescent="0.2"/>
    <row r="1061" ht="20.100000000000001" customHeight="1" x14ac:dyDescent="0.2"/>
    <row r="1062" ht="20.100000000000001" customHeight="1" x14ac:dyDescent="0.2"/>
    <row r="1063" ht="20.100000000000001" customHeight="1" x14ac:dyDescent="0.2"/>
    <row r="1064" ht="20.100000000000001" customHeight="1" x14ac:dyDescent="0.2"/>
    <row r="1065" ht="20.100000000000001" customHeight="1" x14ac:dyDescent="0.2"/>
    <row r="1066" ht="20.100000000000001" customHeight="1" x14ac:dyDescent="0.2"/>
    <row r="1067" ht="20.100000000000001" customHeight="1" x14ac:dyDescent="0.2"/>
    <row r="1068" ht="20.100000000000001" customHeight="1" x14ac:dyDescent="0.2"/>
    <row r="1069" ht="20.100000000000001" customHeight="1" x14ac:dyDescent="0.2"/>
    <row r="1070" ht="20.100000000000001" customHeight="1" x14ac:dyDescent="0.2"/>
    <row r="1071" ht="20.100000000000001" customHeight="1" x14ac:dyDescent="0.2"/>
    <row r="1072" ht="20.100000000000001" customHeight="1" x14ac:dyDescent="0.2"/>
    <row r="1073" ht="20.100000000000001" customHeight="1" x14ac:dyDescent="0.2"/>
    <row r="1074" ht="20.100000000000001" customHeight="1" x14ac:dyDescent="0.2"/>
    <row r="1075" ht="20.100000000000001" customHeight="1" x14ac:dyDescent="0.2"/>
    <row r="1076" ht="20.100000000000001" customHeight="1" x14ac:dyDescent="0.2"/>
    <row r="1077" ht="20.100000000000001" customHeight="1" x14ac:dyDescent="0.2"/>
    <row r="1078" ht="20.100000000000001" customHeight="1" x14ac:dyDescent="0.2"/>
    <row r="1079" ht="20.100000000000001" customHeight="1" x14ac:dyDescent="0.2"/>
    <row r="1080" ht="20.100000000000001" customHeight="1" x14ac:dyDescent="0.2"/>
    <row r="1081" ht="20.100000000000001" customHeight="1" x14ac:dyDescent="0.2"/>
    <row r="1082" ht="20.100000000000001" customHeight="1" x14ac:dyDescent="0.2"/>
    <row r="1083" ht="20.100000000000001" customHeight="1" x14ac:dyDescent="0.2"/>
    <row r="1084" ht="20.100000000000001" customHeight="1" x14ac:dyDescent="0.2"/>
    <row r="1085" ht="20.100000000000001" customHeight="1" x14ac:dyDescent="0.2"/>
    <row r="1086" ht="20.100000000000001" customHeight="1" x14ac:dyDescent="0.2"/>
    <row r="1087" ht="20.100000000000001" customHeight="1" x14ac:dyDescent="0.2"/>
    <row r="1088" ht="20.100000000000001" customHeight="1" x14ac:dyDescent="0.2"/>
    <row r="1089" ht="20.100000000000001" customHeight="1" x14ac:dyDescent="0.2"/>
    <row r="1090" ht="20.100000000000001" customHeight="1" x14ac:dyDescent="0.2"/>
    <row r="1091" ht="20.100000000000001" customHeight="1" x14ac:dyDescent="0.2"/>
    <row r="1092" ht="20.100000000000001" customHeight="1" x14ac:dyDescent="0.2"/>
    <row r="1093" ht="20.100000000000001" customHeight="1" x14ac:dyDescent="0.2"/>
    <row r="1094" ht="20.100000000000001" customHeight="1" x14ac:dyDescent="0.2"/>
    <row r="1095" ht="20.100000000000001" customHeight="1" x14ac:dyDescent="0.2"/>
    <row r="1096" ht="20.100000000000001" customHeight="1" x14ac:dyDescent="0.2"/>
    <row r="1097" ht="20.100000000000001" customHeight="1" x14ac:dyDescent="0.2"/>
    <row r="1098" ht="20.100000000000001" customHeight="1" x14ac:dyDescent="0.2"/>
    <row r="1099" ht="20.100000000000001" customHeight="1" x14ac:dyDescent="0.2"/>
    <row r="1100" ht="20.100000000000001" customHeight="1" x14ac:dyDescent="0.2"/>
    <row r="1101" ht="20.100000000000001" customHeight="1" x14ac:dyDescent="0.2"/>
    <row r="1102" ht="20.100000000000001" customHeight="1" x14ac:dyDescent="0.2"/>
    <row r="1103" ht="20.100000000000001" customHeight="1" x14ac:dyDescent="0.2"/>
    <row r="1104" ht="20.100000000000001" customHeight="1" x14ac:dyDescent="0.2"/>
    <row r="1105" ht="20.100000000000001" customHeight="1" x14ac:dyDescent="0.2"/>
    <row r="1106" ht="20.100000000000001" customHeight="1" x14ac:dyDescent="0.2"/>
    <row r="1107" ht="20.100000000000001" customHeight="1" x14ac:dyDescent="0.2"/>
    <row r="1108" ht="20.100000000000001" customHeight="1" x14ac:dyDescent="0.2"/>
    <row r="1109" ht="20.100000000000001" customHeight="1" x14ac:dyDescent="0.2"/>
    <row r="1110" ht="20.100000000000001" customHeight="1" x14ac:dyDescent="0.2"/>
    <row r="1111" ht="20.100000000000001" customHeight="1" x14ac:dyDescent="0.2"/>
    <row r="1112" ht="20.100000000000001" customHeight="1" x14ac:dyDescent="0.2"/>
    <row r="1113" ht="20.100000000000001" customHeight="1" x14ac:dyDescent="0.2"/>
    <row r="1114" ht="20.100000000000001" customHeight="1" x14ac:dyDescent="0.2"/>
    <row r="1115" ht="20.100000000000001" customHeight="1" x14ac:dyDescent="0.2"/>
    <row r="1116" ht="20.100000000000001" customHeight="1" x14ac:dyDescent="0.2"/>
    <row r="1117" ht="20.100000000000001" customHeight="1" x14ac:dyDescent="0.2"/>
    <row r="1118" ht="20.100000000000001" customHeight="1" x14ac:dyDescent="0.2"/>
    <row r="1119" ht="20.100000000000001" customHeight="1" x14ac:dyDescent="0.2"/>
    <row r="1120" ht="20.100000000000001" customHeight="1" x14ac:dyDescent="0.2"/>
    <row r="1121" ht="20.100000000000001" customHeight="1" x14ac:dyDescent="0.2"/>
    <row r="1122" ht="20.100000000000001" customHeight="1" x14ac:dyDescent="0.2"/>
    <row r="1123" ht="20.100000000000001" customHeight="1" x14ac:dyDescent="0.2"/>
    <row r="1124" ht="20.100000000000001" customHeight="1" x14ac:dyDescent="0.2"/>
    <row r="1125" ht="20.100000000000001" customHeight="1" x14ac:dyDescent="0.2"/>
    <row r="1126" ht="20.100000000000001" customHeight="1" x14ac:dyDescent="0.2"/>
    <row r="1127" ht="20.100000000000001" customHeight="1" x14ac:dyDescent="0.2"/>
    <row r="1128" ht="20.100000000000001" customHeight="1" x14ac:dyDescent="0.2"/>
    <row r="1129" ht="20.100000000000001" customHeight="1" x14ac:dyDescent="0.2"/>
    <row r="1130" ht="20.100000000000001" customHeight="1" x14ac:dyDescent="0.2"/>
    <row r="1131" ht="20.100000000000001" customHeight="1" x14ac:dyDescent="0.2"/>
    <row r="1132" ht="20.100000000000001" customHeight="1" x14ac:dyDescent="0.2"/>
    <row r="1133" ht="20.100000000000001" customHeight="1" x14ac:dyDescent="0.2"/>
    <row r="1134" ht="20.100000000000001" customHeight="1" x14ac:dyDescent="0.2"/>
    <row r="1135" ht="20.100000000000001" customHeight="1" x14ac:dyDescent="0.2"/>
    <row r="1136" ht="20.100000000000001" customHeight="1" x14ac:dyDescent="0.2"/>
    <row r="1137" ht="20.100000000000001" customHeight="1" x14ac:dyDescent="0.2"/>
    <row r="1138" ht="20.100000000000001" customHeight="1" x14ac:dyDescent="0.2"/>
    <row r="1139" ht="20.100000000000001" customHeight="1" x14ac:dyDescent="0.2"/>
    <row r="1140" ht="20.100000000000001" customHeight="1" x14ac:dyDescent="0.2"/>
    <row r="1141" ht="20.100000000000001" customHeight="1" x14ac:dyDescent="0.2"/>
    <row r="1142" ht="20.100000000000001" customHeight="1" x14ac:dyDescent="0.2"/>
    <row r="1143" ht="20.100000000000001" customHeight="1" x14ac:dyDescent="0.2"/>
    <row r="1144" ht="20.100000000000001" customHeight="1" x14ac:dyDescent="0.2"/>
    <row r="1145" ht="20.100000000000001" customHeight="1" x14ac:dyDescent="0.2"/>
    <row r="1146" ht="20.100000000000001" customHeight="1" x14ac:dyDescent="0.2"/>
    <row r="1147" ht="20.100000000000001" customHeight="1" x14ac:dyDescent="0.2"/>
    <row r="1148" ht="20.100000000000001" customHeight="1" x14ac:dyDescent="0.2"/>
    <row r="1149" ht="20.100000000000001" customHeight="1" x14ac:dyDescent="0.2"/>
    <row r="1150" ht="20.100000000000001" customHeight="1" x14ac:dyDescent="0.2"/>
    <row r="1151" ht="20.100000000000001" customHeight="1" x14ac:dyDescent="0.2"/>
    <row r="1152" ht="20.100000000000001" customHeight="1" x14ac:dyDescent="0.2"/>
    <row r="1153" ht="20.100000000000001" customHeight="1" x14ac:dyDescent="0.2"/>
    <row r="1154" ht="20.100000000000001" customHeight="1" x14ac:dyDescent="0.2"/>
    <row r="1155" ht="20.100000000000001" customHeight="1" x14ac:dyDescent="0.2"/>
    <row r="1156" ht="20.100000000000001" customHeight="1" x14ac:dyDescent="0.2"/>
    <row r="1157" ht="20.100000000000001" customHeight="1" x14ac:dyDescent="0.2"/>
    <row r="1158" ht="20.100000000000001" customHeight="1" x14ac:dyDescent="0.2"/>
    <row r="1159" ht="20.100000000000001" customHeight="1" x14ac:dyDescent="0.2"/>
    <row r="1160" ht="20.100000000000001" customHeight="1" x14ac:dyDescent="0.2"/>
    <row r="1161" ht="20.100000000000001" customHeight="1" x14ac:dyDescent="0.2"/>
    <row r="1162" ht="20.100000000000001" customHeight="1" x14ac:dyDescent="0.2"/>
    <row r="1163" ht="20.100000000000001" customHeight="1" x14ac:dyDescent="0.2"/>
    <row r="1164" ht="20.100000000000001" customHeight="1" x14ac:dyDescent="0.2"/>
    <row r="1165" ht="20.100000000000001" customHeight="1" x14ac:dyDescent="0.2"/>
    <row r="1166" ht="20.100000000000001" customHeight="1" x14ac:dyDescent="0.2"/>
    <row r="1167" ht="20.100000000000001" customHeight="1" x14ac:dyDescent="0.2"/>
    <row r="1168" ht="20.100000000000001" customHeight="1" x14ac:dyDescent="0.2"/>
    <row r="1169" ht="20.100000000000001" customHeight="1" x14ac:dyDescent="0.2"/>
    <row r="1170" ht="20.100000000000001" customHeight="1" x14ac:dyDescent="0.2"/>
    <row r="1171" ht="20.100000000000001" customHeight="1" x14ac:dyDescent="0.2"/>
    <row r="1172" ht="20.100000000000001" customHeight="1" x14ac:dyDescent="0.2"/>
    <row r="1173" ht="20.100000000000001" customHeight="1" x14ac:dyDescent="0.2"/>
    <row r="1174" ht="20.100000000000001" customHeight="1" x14ac:dyDescent="0.2"/>
    <row r="1175" ht="20.100000000000001" customHeight="1" x14ac:dyDescent="0.2"/>
    <row r="1176" ht="20.100000000000001" customHeight="1" x14ac:dyDescent="0.2"/>
    <row r="1177" ht="20.100000000000001" customHeight="1" x14ac:dyDescent="0.2"/>
    <row r="1178" ht="20.100000000000001" customHeight="1" x14ac:dyDescent="0.2"/>
    <row r="1179" ht="20.100000000000001" customHeight="1" x14ac:dyDescent="0.2"/>
    <row r="1180" ht="20.100000000000001" customHeight="1" x14ac:dyDescent="0.2"/>
    <row r="1181" ht="20.100000000000001" customHeight="1" x14ac:dyDescent="0.2"/>
    <row r="1182" ht="20.100000000000001" customHeight="1" x14ac:dyDescent="0.2"/>
    <row r="1183" ht="20.100000000000001" customHeight="1" x14ac:dyDescent="0.2"/>
    <row r="1184" ht="20.100000000000001" customHeight="1" x14ac:dyDescent="0.2"/>
    <row r="1185" ht="20.100000000000001" customHeight="1" x14ac:dyDescent="0.2"/>
    <row r="1186" ht="20.100000000000001" customHeight="1" x14ac:dyDescent="0.2"/>
    <row r="1187" ht="20.100000000000001" customHeight="1" x14ac:dyDescent="0.2"/>
    <row r="1188" ht="20.100000000000001" customHeight="1" x14ac:dyDescent="0.2"/>
    <row r="1189" ht="20.100000000000001" customHeight="1" x14ac:dyDescent="0.2"/>
    <row r="1190" ht="20.100000000000001" customHeight="1" x14ac:dyDescent="0.2"/>
    <row r="1191" ht="20.100000000000001" customHeight="1" x14ac:dyDescent="0.2"/>
    <row r="1192" ht="20.100000000000001" customHeight="1" x14ac:dyDescent="0.2"/>
    <row r="1193" ht="20.100000000000001" customHeight="1" x14ac:dyDescent="0.2"/>
    <row r="1194" ht="20.100000000000001" customHeight="1" x14ac:dyDescent="0.2"/>
    <row r="1195" ht="20.100000000000001" customHeight="1" x14ac:dyDescent="0.2"/>
    <row r="1196" ht="20.100000000000001" customHeight="1" x14ac:dyDescent="0.2"/>
    <row r="1197" ht="20.100000000000001" customHeight="1" x14ac:dyDescent="0.2"/>
    <row r="1198" ht="20.100000000000001" customHeight="1" x14ac:dyDescent="0.2"/>
    <row r="1199" ht="20.100000000000001" customHeight="1" x14ac:dyDescent="0.2"/>
    <row r="1200" ht="20.100000000000001" customHeight="1" x14ac:dyDescent="0.2"/>
    <row r="1201" ht="20.100000000000001" customHeight="1" x14ac:dyDescent="0.2"/>
    <row r="1202" ht="20.100000000000001" customHeight="1" x14ac:dyDescent="0.2"/>
    <row r="1203" ht="20.100000000000001" customHeight="1" x14ac:dyDescent="0.2"/>
    <row r="1204" ht="20.100000000000001" customHeight="1" x14ac:dyDescent="0.2"/>
    <row r="1205" ht="20.100000000000001" customHeight="1" x14ac:dyDescent="0.2"/>
    <row r="1206" ht="20.100000000000001" customHeight="1" x14ac:dyDescent="0.2"/>
    <row r="1207" ht="20.100000000000001" customHeight="1" x14ac:dyDescent="0.2"/>
    <row r="1208" ht="20.100000000000001" customHeight="1" x14ac:dyDescent="0.2"/>
    <row r="1209" ht="20.100000000000001" customHeight="1" x14ac:dyDescent="0.2"/>
    <row r="1210" ht="20.100000000000001" customHeight="1" x14ac:dyDescent="0.2"/>
    <row r="1211" ht="20.100000000000001" customHeight="1" x14ac:dyDescent="0.2"/>
    <row r="1212" ht="20.100000000000001" customHeight="1" x14ac:dyDescent="0.2"/>
    <row r="1213" ht="20.100000000000001" customHeight="1" x14ac:dyDescent="0.2"/>
    <row r="1214" ht="20.100000000000001" customHeight="1" x14ac:dyDescent="0.2"/>
    <row r="1215" ht="20.100000000000001" customHeight="1" x14ac:dyDescent="0.2"/>
    <row r="1216" ht="20.100000000000001" customHeight="1" x14ac:dyDescent="0.2"/>
    <row r="1217" ht="20.100000000000001" customHeight="1" x14ac:dyDescent="0.2"/>
    <row r="1218" ht="20.100000000000001" customHeight="1" x14ac:dyDescent="0.2"/>
    <row r="1219" ht="20.100000000000001" customHeight="1" x14ac:dyDescent="0.2"/>
    <row r="1220" ht="20.100000000000001" customHeight="1" x14ac:dyDescent="0.2"/>
    <row r="1221" ht="20.100000000000001" customHeight="1" x14ac:dyDescent="0.2"/>
    <row r="1222" ht="20.100000000000001" customHeight="1" x14ac:dyDescent="0.2"/>
    <row r="1223" ht="20.100000000000001" customHeight="1" x14ac:dyDescent="0.2"/>
    <row r="1224" ht="20.100000000000001" customHeight="1" x14ac:dyDescent="0.2"/>
    <row r="1225" ht="20.100000000000001" customHeight="1" x14ac:dyDescent="0.2"/>
    <row r="1226" ht="20.100000000000001" customHeight="1" x14ac:dyDescent="0.2"/>
    <row r="1227" ht="20.100000000000001" customHeight="1" x14ac:dyDescent="0.2"/>
    <row r="1228" ht="20.100000000000001" customHeight="1" x14ac:dyDescent="0.2"/>
    <row r="1229" ht="20.100000000000001" customHeight="1" x14ac:dyDescent="0.2"/>
    <row r="1230" ht="20.100000000000001" customHeight="1" x14ac:dyDescent="0.2"/>
    <row r="1231" ht="20.100000000000001" customHeight="1" x14ac:dyDescent="0.2"/>
    <row r="1232" ht="20.100000000000001" customHeight="1" x14ac:dyDescent="0.2"/>
    <row r="1233" ht="20.100000000000001" customHeight="1" x14ac:dyDescent="0.2"/>
    <row r="1234" ht="20.100000000000001" customHeight="1" x14ac:dyDescent="0.2"/>
    <row r="1235" ht="20.100000000000001" customHeight="1" x14ac:dyDescent="0.2"/>
    <row r="1236" ht="20.100000000000001" customHeight="1" x14ac:dyDescent="0.2"/>
    <row r="1237" ht="20.100000000000001" customHeight="1" x14ac:dyDescent="0.2"/>
    <row r="1238" ht="20.100000000000001" customHeight="1" x14ac:dyDescent="0.2"/>
    <row r="1239" ht="20.100000000000001" customHeight="1" x14ac:dyDescent="0.2"/>
    <row r="1240" ht="20.100000000000001" customHeight="1" x14ac:dyDescent="0.2"/>
    <row r="1241" ht="20.100000000000001" customHeight="1" x14ac:dyDescent="0.2"/>
    <row r="1242" ht="20.100000000000001" customHeight="1" x14ac:dyDescent="0.2"/>
    <row r="1243" ht="20.100000000000001" customHeight="1" x14ac:dyDescent="0.2"/>
    <row r="1244" ht="20.100000000000001" customHeight="1" x14ac:dyDescent="0.2"/>
    <row r="1245" ht="20.100000000000001" customHeight="1" x14ac:dyDescent="0.2"/>
    <row r="1246" ht="20.100000000000001" customHeight="1" x14ac:dyDescent="0.2"/>
    <row r="1247" ht="20.100000000000001" customHeight="1" x14ac:dyDescent="0.2"/>
    <row r="1248" ht="20.100000000000001" customHeight="1" x14ac:dyDescent="0.2"/>
    <row r="1249" ht="20.100000000000001" customHeight="1" x14ac:dyDescent="0.2"/>
    <row r="1250" ht="20.100000000000001" customHeight="1" x14ac:dyDescent="0.2"/>
    <row r="1251" ht="20.100000000000001" customHeight="1" x14ac:dyDescent="0.2"/>
    <row r="1252" ht="20.100000000000001" customHeight="1" x14ac:dyDescent="0.2"/>
    <row r="1253" ht="20.100000000000001" customHeight="1" x14ac:dyDescent="0.2"/>
    <row r="1254" ht="20.100000000000001" customHeight="1" x14ac:dyDescent="0.2"/>
    <row r="1255" ht="20.100000000000001" customHeight="1" x14ac:dyDescent="0.2"/>
    <row r="1256" ht="20.100000000000001" customHeight="1" x14ac:dyDescent="0.2"/>
    <row r="1257" ht="20.100000000000001" customHeight="1" x14ac:dyDescent="0.2"/>
    <row r="1258" ht="20.100000000000001" customHeight="1" x14ac:dyDescent="0.2"/>
    <row r="1259" ht="20.100000000000001" customHeight="1" x14ac:dyDescent="0.2"/>
    <row r="1260" ht="20.100000000000001" customHeight="1" x14ac:dyDescent="0.2"/>
    <row r="1261" ht="20.100000000000001" customHeight="1" x14ac:dyDescent="0.2"/>
    <row r="1262" ht="20.100000000000001" customHeight="1" x14ac:dyDescent="0.2"/>
    <row r="1263" ht="20.100000000000001" customHeight="1" x14ac:dyDescent="0.2"/>
    <row r="1264" ht="20.100000000000001" customHeight="1" x14ac:dyDescent="0.2"/>
    <row r="1265" ht="20.100000000000001" customHeight="1" x14ac:dyDescent="0.2"/>
    <row r="1266" ht="20.100000000000001" customHeight="1" x14ac:dyDescent="0.2"/>
    <row r="1267" ht="20.100000000000001" customHeight="1" x14ac:dyDescent="0.2"/>
    <row r="1268" ht="20.100000000000001" customHeight="1" x14ac:dyDescent="0.2"/>
    <row r="1269" ht="20.100000000000001" customHeight="1" x14ac:dyDescent="0.2"/>
    <row r="1270" ht="20.100000000000001" customHeight="1" x14ac:dyDescent="0.2"/>
    <row r="1271" ht="20.100000000000001" customHeight="1" x14ac:dyDescent="0.2"/>
    <row r="1272" ht="20.100000000000001" customHeight="1" x14ac:dyDescent="0.2"/>
    <row r="1273" ht="20.100000000000001" customHeight="1" x14ac:dyDescent="0.2"/>
    <row r="1274" ht="20.100000000000001" customHeight="1" x14ac:dyDescent="0.2"/>
    <row r="1275" ht="20.100000000000001" customHeight="1" x14ac:dyDescent="0.2"/>
    <row r="1276" ht="20.100000000000001" customHeight="1" x14ac:dyDescent="0.2"/>
    <row r="1277" ht="20.100000000000001" customHeight="1" x14ac:dyDescent="0.2"/>
    <row r="1278" ht="20.100000000000001" customHeight="1" x14ac:dyDescent="0.2"/>
    <row r="1279" ht="20.100000000000001" customHeight="1" x14ac:dyDescent="0.2"/>
    <row r="1280" ht="20.100000000000001" customHeight="1" x14ac:dyDescent="0.2"/>
    <row r="1281" ht="20.100000000000001" customHeight="1" x14ac:dyDescent="0.2"/>
    <row r="1282" ht="20.100000000000001" customHeight="1" x14ac:dyDescent="0.2"/>
    <row r="1283" ht="20.100000000000001" customHeight="1" x14ac:dyDescent="0.2"/>
    <row r="1284" ht="20.100000000000001" customHeight="1" x14ac:dyDescent="0.2"/>
    <row r="1285" ht="20.100000000000001" customHeight="1" x14ac:dyDescent="0.2"/>
    <row r="1286" ht="20.100000000000001" customHeight="1" x14ac:dyDescent="0.2"/>
    <row r="1287" ht="20.100000000000001" customHeight="1" x14ac:dyDescent="0.2"/>
    <row r="1288" ht="20.100000000000001" customHeight="1" x14ac:dyDescent="0.2"/>
    <row r="1289" ht="20.100000000000001" customHeight="1" x14ac:dyDescent="0.2"/>
  </sheetData>
  <mergeCells count="65">
    <mergeCell ref="D165:D167"/>
    <mergeCell ref="D186:D188"/>
    <mergeCell ref="D191:D194"/>
    <mergeCell ref="D107:D108"/>
    <mergeCell ref="D118:D120"/>
    <mergeCell ref="D123:D124"/>
    <mergeCell ref="D128:D129"/>
    <mergeCell ref="D139:D141"/>
    <mergeCell ref="D144:D148"/>
    <mergeCell ref="B67:B68"/>
    <mergeCell ref="C67:C68"/>
    <mergeCell ref="D84:D87"/>
    <mergeCell ref="B92:B93"/>
    <mergeCell ref="C92:C93"/>
    <mergeCell ref="D99:D106"/>
    <mergeCell ref="B61:B62"/>
    <mergeCell ref="C61:C62"/>
    <mergeCell ref="B63:B64"/>
    <mergeCell ref="C63:C64"/>
    <mergeCell ref="B65:B66"/>
    <mergeCell ref="C65:C66"/>
    <mergeCell ref="B53:B54"/>
    <mergeCell ref="C53:C54"/>
    <mergeCell ref="D53:D55"/>
    <mergeCell ref="B55:B56"/>
    <mergeCell ref="C55:C56"/>
    <mergeCell ref="B57:B58"/>
    <mergeCell ref="C57:C58"/>
    <mergeCell ref="D57:D60"/>
    <mergeCell ref="B59:B60"/>
    <mergeCell ref="C59:C60"/>
    <mergeCell ref="B47:B48"/>
    <mergeCell ref="C47:C48"/>
    <mergeCell ref="D48:D49"/>
    <mergeCell ref="B49:B50"/>
    <mergeCell ref="C49:C50"/>
    <mergeCell ref="B51:B52"/>
    <mergeCell ref="C51:C52"/>
    <mergeCell ref="D41:D42"/>
    <mergeCell ref="B43:B44"/>
    <mergeCell ref="C43:C44"/>
    <mergeCell ref="D43:D44"/>
    <mergeCell ref="B45:B46"/>
    <mergeCell ref="C45:C46"/>
    <mergeCell ref="D45:D46"/>
    <mergeCell ref="B37:B38"/>
    <mergeCell ref="C37:C38"/>
    <mergeCell ref="B39:B40"/>
    <mergeCell ref="C39:C40"/>
    <mergeCell ref="B41:B42"/>
    <mergeCell ref="C41:C42"/>
    <mergeCell ref="B13:B14"/>
    <mergeCell ref="C13:C14"/>
    <mergeCell ref="D18:D19"/>
    <mergeCell ref="D29:D33"/>
    <mergeCell ref="B35:B36"/>
    <mergeCell ref="C35:C36"/>
    <mergeCell ref="D35:D36"/>
    <mergeCell ref="A1:D1"/>
    <mergeCell ref="A2:D2"/>
    <mergeCell ref="A4:A5"/>
    <mergeCell ref="B4:C4"/>
    <mergeCell ref="D4:D5"/>
    <mergeCell ref="B7:B8"/>
    <mergeCell ref="C7:C8"/>
  </mergeCells>
  <phoneticPr fontId="2"/>
  <printOptions gridLines="1"/>
  <pageMargins left="0.31496062992125984" right="0.31496062992125984" top="0" bottom="0" header="0.31496062992125984" footer="0.31496062992125984"/>
  <pageSetup paperSize="9" scale="86" fitToHeight="0" orientation="portrait" r:id="rId1"/>
  <headerFooter scaleWithDoc="0" alignWithMargins="0">
    <oddFooter>&amp;R&amp;P ページ</oddFooter>
  </headerFooter>
  <rowBreaks count="10" manualBreakCount="10">
    <brk id="15" max="3" man="1"/>
    <brk id="28" max="3" man="1"/>
    <brk id="55" max="3" man="1"/>
    <brk id="79" max="3" man="1"/>
    <brk id="103" max="3" man="1"/>
    <brk id="122" max="3" man="1"/>
    <brk id="134" max="3" man="1"/>
    <brk id="155" max="3" man="1"/>
    <brk id="179" max="3" man="1"/>
    <brk id="202" max="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G257"/>
  <sheetViews>
    <sheetView tabSelected="1" view="pageBreakPreview" zoomScale="85" zoomScaleNormal="85" zoomScaleSheetLayoutView="85" workbookViewId="0">
      <pane ySplit="3" topLeftCell="A4" activePane="bottomLeft" state="frozen"/>
      <selection pane="bottomLeft" activeCell="A258" sqref="A258"/>
    </sheetView>
  </sheetViews>
  <sheetFormatPr defaultColWidth="9" defaultRowHeight="20.100000000000001" customHeight="1" x14ac:dyDescent="0.2"/>
  <cols>
    <col min="1" max="1" width="23.6640625" style="12" customWidth="1"/>
    <col min="2" max="2" width="55.6640625" style="13" customWidth="1"/>
    <col min="3" max="3" width="4.109375" style="10" customWidth="1"/>
    <col min="4" max="4" width="15.6640625" style="11" customWidth="1"/>
    <col min="5" max="5" width="30.6640625" style="9" customWidth="1"/>
    <col min="6" max="16384" width="9" style="1"/>
  </cols>
  <sheetData>
    <row r="1" spans="1:7" ht="30" customHeight="1" x14ac:dyDescent="0.2">
      <c r="A1" s="204" t="s">
        <v>74</v>
      </c>
      <c r="B1" s="204"/>
      <c r="C1" s="204"/>
      <c r="D1" s="204"/>
      <c r="E1" s="204"/>
    </row>
    <row r="2" spans="1:7" ht="9.9" customHeight="1" x14ac:dyDescent="0.2"/>
    <row r="3" spans="1:7" ht="20.100000000000001" customHeight="1" x14ac:dyDescent="0.2">
      <c r="A3" s="173" t="s">
        <v>0</v>
      </c>
      <c r="B3" s="173" t="s">
        <v>1</v>
      </c>
      <c r="C3" s="205" t="s">
        <v>2</v>
      </c>
      <c r="D3" s="205"/>
      <c r="E3" s="174"/>
      <c r="F3" s="110"/>
      <c r="G3" s="110"/>
    </row>
    <row r="4" spans="1:7" s="2" customFormat="1" ht="33.9" customHeight="1" x14ac:dyDescent="0.2">
      <c r="A4" s="17" t="s">
        <v>44</v>
      </c>
      <c r="B4" s="17" t="s">
        <v>45</v>
      </c>
      <c r="C4" s="18" t="s">
        <v>8</v>
      </c>
      <c r="D4" s="19" t="s">
        <v>7</v>
      </c>
      <c r="E4" s="20"/>
      <c r="F4" s="175"/>
      <c r="G4" s="175"/>
    </row>
    <row r="5" spans="1:7" s="2" customFormat="1" ht="33.9" customHeight="1" x14ac:dyDescent="0.2">
      <c r="A5" s="17" t="s">
        <v>46</v>
      </c>
      <c r="B5" s="17" t="s">
        <v>47</v>
      </c>
      <c r="C5" s="18" t="s">
        <v>8</v>
      </c>
      <c r="D5" s="19" t="s">
        <v>7</v>
      </c>
      <c r="E5" s="20"/>
      <c r="F5" s="175"/>
      <c r="G5" s="175"/>
    </row>
    <row r="6" spans="1:7" customFormat="1" ht="33.9" customHeight="1" x14ac:dyDescent="0.2">
      <c r="A6" s="180" t="s">
        <v>295</v>
      </c>
      <c r="B6" s="62" t="s">
        <v>203</v>
      </c>
      <c r="C6" s="139" t="s">
        <v>100</v>
      </c>
      <c r="D6" s="140" t="s">
        <v>204</v>
      </c>
      <c r="E6" s="21"/>
      <c r="F6" s="110"/>
      <c r="G6" s="110"/>
    </row>
    <row r="7" spans="1:7" customFormat="1" ht="50.1" customHeight="1" x14ac:dyDescent="0.2">
      <c r="A7" s="181"/>
      <c r="B7" s="62" t="s">
        <v>205</v>
      </c>
      <c r="C7" s="141" t="s">
        <v>100</v>
      </c>
      <c r="D7" s="140" t="s">
        <v>204</v>
      </c>
      <c r="E7" s="22"/>
      <c r="F7" s="110"/>
      <c r="G7" s="110"/>
    </row>
    <row r="8" spans="1:7" customFormat="1" ht="24.9" customHeight="1" x14ac:dyDescent="0.2">
      <c r="A8" s="181"/>
      <c r="B8" s="62" t="s">
        <v>206</v>
      </c>
      <c r="C8" s="141" t="s">
        <v>100</v>
      </c>
      <c r="D8" s="140" t="s">
        <v>204</v>
      </c>
      <c r="E8" s="22"/>
      <c r="F8" s="110"/>
      <c r="G8" s="110"/>
    </row>
    <row r="9" spans="1:7" customFormat="1" ht="33.9" customHeight="1" x14ac:dyDescent="0.2">
      <c r="A9" s="203"/>
      <c r="B9" s="77" t="s">
        <v>207</v>
      </c>
      <c r="C9" s="142" t="s">
        <v>100</v>
      </c>
      <c r="D9" s="143" t="s">
        <v>204</v>
      </c>
      <c r="E9" s="23"/>
      <c r="F9" s="110"/>
      <c r="G9" s="110"/>
    </row>
    <row r="10" spans="1:7" customFormat="1" ht="33.9" customHeight="1" x14ac:dyDescent="0.2">
      <c r="A10" s="200" t="s">
        <v>208</v>
      </c>
      <c r="B10" s="24" t="s">
        <v>209</v>
      </c>
      <c r="C10" s="46" t="s">
        <v>100</v>
      </c>
      <c r="D10" s="144" t="s">
        <v>7</v>
      </c>
      <c r="E10" s="24"/>
      <c r="F10" s="110"/>
      <c r="G10" s="110"/>
    </row>
    <row r="11" spans="1:7" customFormat="1" ht="24.9" customHeight="1" x14ac:dyDescent="0.2">
      <c r="A11" s="201"/>
      <c r="B11" s="94" t="s">
        <v>210</v>
      </c>
      <c r="C11" s="46" t="s">
        <v>100</v>
      </c>
      <c r="D11" s="144" t="s">
        <v>7</v>
      </c>
      <c r="E11" s="94"/>
      <c r="F11" s="110"/>
      <c r="G11" s="110"/>
    </row>
    <row r="12" spans="1:7" customFormat="1" ht="33.9" customHeight="1" x14ac:dyDescent="0.2">
      <c r="A12" s="201"/>
      <c r="B12" s="94" t="s">
        <v>211</v>
      </c>
      <c r="C12" s="46" t="s">
        <v>100</v>
      </c>
      <c r="D12" s="144" t="s">
        <v>7</v>
      </c>
      <c r="E12" s="94"/>
      <c r="F12" s="110"/>
      <c r="G12" s="110"/>
    </row>
    <row r="13" spans="1:7" customFormat="1" ht="33.9" customHeight="1" x14ac:dyDescent="0.2">
      <c r="A13" s="202"/>
      <c r="B13" s="77" t="s">
        <v>212</v>
      </c>
      <c r="C13" s="50" t="s">
        <v>100</v>
      </c>
      <c r="D13" s="145" t="s">
        <v>7</v>
      </c>
      <c r="E13" s="77"/>
      <c r="F13" s="110"/>
      <c r="G13" s="110"/>
    </row>
    <row r="14" spans="1:7" customFormat="1" ht="69.900000000000006" customHeight="1" x14ac:dyDescent="0.2">
      <c r="A14" s="200" t="s">
        <v>213</v>
      </c>
      <c r="B14" s="146" t="s">
        <v>296</v>
      </c>
      <c r="C14" s="46" t="s">
        <v>100</v>
      </c>
      <c r="D14" s="144" t="s">
        <v>7</v>
      </c>
      <c r="E14" s="146"/>
      <c r="F14" s="110"/>
      <c r="G14" s="110"/>
    </row>
    <row r="15" spans="1:7" customFormat="1" ht="50.1" customHeight="1" x14ac:dyDescent="0.2">
      <c r="A15" s="202"/>
      <c r="B15" s="77" t="s">
        <v>214</v>
      </c>
      <c r="C15" s="50" t="s">
        <v>100</v>
      </c>
      <c r="D15" s="145" t="s">
        <v>7</v>
      </c>
      <c r="E15" s="77"/>
      <c r="F15" s="110"/>
      <c r="G15" s="110"/>
    </row>
    <row r="16" spans="1:7" s="2" customFormat="1" ht="33.9" customHeight="1" x14ac:dyDescent="0.2">
      <c r="A16" s="17" t="s">
        <v>6</v>
      </c>
      <c r="B16" s="17" t="s">
        <v>94</v>
      </c>
      <c r="C16" s="18" t="s">
        <v>8</v>
      </c>
      <c r="D16" s="19" t="s">
        <v>7</v>
      </c>
      <c r="E16" s="20"/>
      <c r="F16" s="175"/>
      <c r="G16" s="175"/>
    </row>
    <row r="17" spans="1:7" s="2" customFormat="1" ht="33.9" customHeight="1" x14ac:dyDescent="0.2">
      <c r="A17" s="24" t="s">
        <v>86</v>
      </c>
      <c r="B17" s="24" t="s">
        <v>87</v>
      </c>
      <c r="C17" s="25" t="s">
        <v>8</v>
      </c>
      <c r="D17" s="26" t="s">
        <v>7</v>
      </c>
      <c r="E17" s="27"/>
      <c r="F17" s="175"/>
      <c r="G17" s="175"/>
    </row>
    <row r="18" spans="1:7" s="2" customFormat="1" ht="33.9" customHeight="1" x14ac:dyDescent="0.2">
      <c r="A18" s="28" t="s">
        <v>99</v>
      </c>
      <c r="B18" s="24" t="s">
        <v>101</v>
      </c>
      <c r="C18" s="25" t="s">
        <v>8</v>
      </c>
      <c r="D18" s="26" t="s">
        <v>7</v>
      </c>
      <c r="E18" s="27"/>
      <c r="F18" s="175"/>
      <c r="G18" s="175"/>
    </row>
    <row r="19" spans="1:7" s="2" customFormat="1" ht="50.1" customHeight="1" x14ac:dyDescent="0.2">
      <c r="A19" s="29" t="s">
        <v>117</v>
      </c>
      <c r="B19" s="24" t="s">
        <v>118</v>
      </c>
      <c r="C19" s="25" t="s">
        <v>8</v>
      </c>
      <c r="D19" s="26" t="s">
        <v>7</v>
      </c>
      <c r="E19" s="27"/>
      <c r="F19" s="175"/>
      <c r="G19" s="175"/>
    </row>
    <row r="20" spans="1:7" s="4" customFormat="1" ht="33.9" customHeight="1" x14ac:dyDescent="0.2">
      <c r="A20" s="17" t="s">
        <v>88</v>
      </c>
      <c r="B20" s="30" t="s">
        <v>89</v>
      </c>
      <c r="C20" s="18" t="s">
        <v>8</v>
      </c>
      <c r="D20" s="19" t="s">
        <v>15</v>
      </c>
      <c r="E20" s="20"/>
      <c r="F20" s="110"/>
      <c r="G20" s="110"/>
    </row>
    <row r="21" spans="1:7" s="3" customFormat="1" ht="24.9" customHeight="1" x14ac:dyDescent="0.2">
      <c r="A21" s="180" t="s">
        <v>59</v>
      </c>
      <c r="B21" s="31" t="s">
        <v>60</v>
      </c>
      <c r="C21" s="32" t="s">
        <v>8</v>
      </c>
      <c r="D21" s="33" t="s">
        <v>7</v>
      </c>
      <c r="E21" s="21"/>
      <c r="F21" s="110"/>
      <c r="G21" s="110"/>
    </row>
    <row r="22" spans="1:7" s="3" customFormat="1" ht="33.9" customHeight="1" x14ac:dyDescent="0.2">
      <c r="A22" s="181"/>
      <c r="B22" s="34" t="s">
        <v>135</v>
      </c>
      <c r="C22" s="35" t="s">
        <v>8</v>
      </c>
      <c r="D22" s="36" t="s">
        <v>23</v>
      </c>
      <c r="E22" s="22"/>
      <c r="F22" s="110"/>
      <c r="G22" s="110"/>
    </row>
    <row r="23" spans="1:7" s="3" customFormat="1" ht="33.9" customHeight="1" x14ac:dyDescent="0.2">
      <c r="A23" s="181"/>
      <c r="B23" s="34" t="s">
        <v>93</v>
      </c>
      <c r="C23" s="35" t="s">
        <v>8</v>
      </c>
      <c r="D23" s="36" t="s">
        <v>15</v>
      </c>
      <c r="E23" s="22"/>
      <c r="F23" s="110"/>
      <c r="G23" s="110"/>
    </row>
    <row r="24" spans="1:7" s="3" customFormat="1" ht="24.9" customHeight="1" x14ac:dyDescent="0.2">
      <c r="A24" s="181"/>
      <c r="B24" s="34" t="s">
        <v>61</v>
      </c>
      <c r="C24" s="35" t="s">
        <v>8</v>
      </c>
      <c r="D24" s="36" t="s">
        <v>7</v>
      </c>
      <c r="E24" s="22"/>
      <c r="F24" s="110"/>
      <c r="G24" s="110"/>
    </row>
    <row r="25" spans="1:7" s="3" customFormat="1" ht="24.9" customHeight="1" x14ac:dyDescent="0.2">
      <c r="A25" s="203"/>
      <c r="B25" s="37" t="s">
        <v>62</v>
      </c>
      <c r="C25" s="38" t="s">
        <v>8</v>
      </c>
      <c r="D25" s="39" t="s">
        <v>7</v>
      </c>
      <c r="E25" s="40"/>
      <c r="F25" s="110"/>
      <c r="G25" s="110"/>
    </row>
    <row r="26" spans="1:7" s="2" customFormat="1" ht="50.1" customHeight="1" x14ac:dyDescent="0.2">
      <c r="A26" s="182" t="s">
        <v>48</v>
      </c>
      <c r="B26" s="41" t="s">
        <v>49</v>
      </c>
      <c r="C26" s="42" t="s">
        <v>8</v>
      </c>
      <c r="D26" s="43" t="s">
        <v>50</v>
      </c>
      <c r="E26" s="44"/>
      <c r="F26" s="175"/>
      <c r="G26" s="175"/>
    </row>
    <row r="27" spans="1:7" s="2" customFormat="1" ht="33.9" customHeight="1" x14ac:dyDescent="0.2">
      <c r="A27" s="179"/>
      <c r="B27" s="45" t="s">
        <v>51</v>
      </c>
      <c r="C27" s="46" t="s">
        <v>8</v>
      </c>
      <c r="D27" s="47" t="s">
        <v>50</v>
      </c>
      <c r="E27" s="48"/>
      <c r="F27" s="175"/>
      <c r="G27" s="175"/>
    </row>
    <row r="28" spans="1:7" s="2" customFormat="1" ht="33.9" customHeight="1" x14ac:dyDescent="0.2">
      <c r="A28" s="183"/>
      <c r="B28" s="49" t="s">
        <v>52</v>
      </c>
      <c r="C28" s="50" t="s">
        <v>8</v>
      </c>
      <c r="D28" s="51" t="s">
        <v>53</v>
      </c>
      <c r="E28" s="52"/>
      <c r="F28" s="175"/>
      <c r="G28" s="175"/>
    </row>
    <row r="29" spans="1:7" s="2" customFormat="1" ht="170.1" customHeight="1" x14ac:dyDescent="0.2">
      <c r="A29" s="182" t="s">
        <v>90</v>
      </c>
      <c r="B29" s="41" t="s">
        <v>95</v>
      </c>
      <c r="C29" s="42" t="s">
        <v>8</v>
      </c>
      <c r="D29" s="43" t="s">
        <v>7</v>
      </c>
      <c r="E29" s="44"/>
      <c r="F29" s="175"/>
      <c r="G29" s="175"/>
    </row>
    <row r="30" spans="1:7" s="2" customFormat="1" ht="33.9" customHeight="1" x14ac:dyDescent="0.2">
      <c r="A30" s="179"/>
      <c r="B30" s="49" t="s">
        <v>84</v>
      </c>
      <c r="C30" s="50" t="s">
        <v>8</v>
      </c>
      <c r="D30" s="51" t="s">
        <v>85</v>
      </c>
      <c r="E30" s="52"/>
      <c r="F30" s="175"/>
      <c r="G30" s="175"/>
    </row>
    <row r="31" spans="1:7" s="4" customFormat="1" ht="30" customHeight="1" x14ac:dyDescent="0.2">
      <c r="A31" s="17" t="s">
        <v>3</v>
      </c>
      <c r="B31" s="53" t="s">
        <v>16</v>
      </c>
      <c r="C31" s="18" t="s">
        <v>8</v>
      </c>
      <c r="D31" s="19" t="s">
        <v>7</v>
      </c>
      <c r="E31" s="54"/>
      <c r="F31" s="110"/>
      <c r="G31" s="110"/>
    </row>
    <row r="32" spans="1:7" s="4" customFormat="1" ht="50.1" customHeight="1" x14ac:dyDescent="0.2">
      <c r="A32" s="182" t="s">
        <v>4</v>
      </c>
      <c r="B32" s="65" t="s">
        <v>9</v>
      </c>
      <c r="C32" s="66" t="s">
        <v>8</v>
      </c>
      <c r="D32" s="67" t="s">
        <v>7</v>
      </c>
      <c r="E32" s="56"/>
      <c r="F32" s="110"/>
      <c r="G32" s="110"/>
    </row>
    <row r="33" spans="1:7" s="4" customFormat="1" ht="60" customHeight="1" x14ac:dyDescent="0.2">
      <c r="A33" s="179"/>
      <c r="B33" s="62" t="s">
        <v>243</v>
      </c>
      <c r="C33" s="46" t="s">
        <v>8</v>
      </c>
      <c r="D33" s="47" t="s">
        <v>85</v>
      </c>
      <c r="E33" s="48"/>
      <c r="F33" s="110"/>
      <c r="G33" s="110"/>
    </row>
    <row r="34" spans="1:7" s="4" customFormat="1" ht="33.9" customHeight="1" x14ac:dyDescent="0.2">
      <c r="A34" s="179"/>
      <c r="B34" s="62" t="s">
        <v>290</v>
      </c>
      <c r="C34" s="46" t="s">
        <v>8</v>
      </c>
      <c r="D34" s="47" t="s">
        <v>85</v>
      </c>
      <c r="E34" s="48"/>
      <c r="F34" s="110"/>
      <c r="G34" s="110"/>
    </row>
    <row r="35" spans="1:7" s="4" customFormat="1" ht="33.9" customHeight="1" x14ac:dyDescent="0.2">
      <c r="A35" s="179"/>
      <c r="B35" s="62" t="s">
        <v>289</v>
      </c>
      <c r="C35" s="46" t="s">
        <v>8</v>
      </c>
      <c r="D35" s="47" t="s">
        <v>85</v>
      </c>
      <c r="E35" s="48"/>
      <c r="F35" s="110"/>
      <c r="G35" s="110"/>
    </row>
    <row r="36" spans="1:7" s="4" customFormat="1" ht="33.9" customHeight="1" x14ac:dyDescent="0.2">
      <c r="A36" s="183"/>
      <c r="B36" s="147" t="s">
        <v>242</v>
      </c>
      <c r="C36" s="148" t="s">
        <v>8</v>
      </c>
      <c r="D36" s="149" t="s">
        <v>85</v>
      </c>
      <c r="E36" s="150"/>
      <c r="F36" s="110"/>
      <c r="G36" s="110"/>
    </row>
    <row r="37" spans="1:7" s="4" customFormat="1" ht="50.1" customHeight="1" x14ac:dyDescent="0.2">
      <c r="A37" s="182" t="s">
        <v>5</v>
      </c>
      <c r="B37" s="65" t="s">
        <v>9</v>
      </c>
      <c r="C37" s="66" t="s">
        <v>8</v>
      </c>
      <c r="D37" s="67" t="s">
        <v>7</v>
      </c>
      <c r="E37" s="56"/>
      <c r="F37" s="110"/>
      <c r="G37" s="110"/>
    </row>
    <row r="38" spans="1:7" s="4" customFormat="1" ht="60" customHeight="1" x14ac:dyDescent="0.2">
      <c r="A38" s="179"/>
      <c r="B38" s="177" t="s">
        <v>243</v>
      </c>
      <c r="C38" s="46" t="s">
        <v>8</v>
      </c>
      <c r="D38" s="47" t="s">
        <v>85</v>
      </c>
      <c r="E38" s="48"/>
      <c r="F38" s="110"/>
      <c r="G38" s="110"/>
    </row>
    <row r="39" spans="1:7" s="4" customFormat="1" ht="33.9" customHeight="1" x14ac:dyDescent="0.2">
      <c r="A39" s="183"/>
      <c r="B39" s="49" t="s">
        <v>290</v>
      </c>
      <c r="C39" s="50" t="s">
        <v>8</v>
      </c>
      <c r="D39" s="51" t="s">
        <v>85</v>
      </c>
      <c r="E39" s="52"/>
      <c r="F39" s="110"/>
      <c r="G39" s="110"/>
    </row>
    <row r="40" spans="1:7" s="4" customFormat="1" ht="50.1" customHeight="1" x14ac:dyDescent="0.2">
      <c r="A40" s="17" t="s">
        <v>240</v>
      </c>
      <c r="B40" s="147" t="s">
        <v>9</v>
      </c>
      <c r="C40" s="148" t="s">
        <v>8</v>
      </c>
      <c r="D40" s="149" t="s">
        <v>7</v>
      </c>
      <c r="E40" s="150"/>
      <c r="F40" s="110"/>
      <c r="G40" s="110"/>
    </row>
    <row r="41" spans="1:7" s="4" customFormat="1" ht="33.9" customHeight="1" x14ac:dyDescent="0.2">
      <c r="A41" s="17" t="s">
        <v>241</v>
      </c>
      <c r="B41" s="30" t="s">
        <v>17</v>
      </c>
      <c r="C41" s="18" t="s">
        <v>8</v>
      </c>
      <c r="D41" s="19" t="s">
        <v>7</v>
      </c>
      <c r="E41" s="54"/>
      <c r="F41" s="110"/>
      <c r="G41" s="110"/>
    </row>
    <row r="42" spans="1:7" s="4" customFormat="1" ht="60" customHeight="1" x14ac:dyDescent="0.2">
      <c r="A42" s="28" t="s">
        <v>102</v>
      </c>
      <c r="B42" s="55" t="s">
        <v>103</v>
      </c>
      <c r="C42" s="18" t="s">
        <v>8</v>
      </c>
      <c r="D42" s="19" t="s">
        <v>7</v>
      </c>
      <c r="E42" s="56"/>
      <c r="F42" s="110"/>
      <c r="G42" s="110"/>
    </row>
    <row r="43" spans="1:7" s="4" customFormat="1" ht="33.9" customHeight="1" x14ac:dyDescent="0.2">
      <c r="A43" s="17" t="s">
        <v>76</v>
      </c>
      <c r="B43" s="55" t="s">
        <v>77</v>
      </c>
      <c r="C43" s="18" t="s">
        <v>8</v>
      </c>
      <c r="D43" s="19" t="s">
        <v>7</v>
      </c>
      <c r="E43" s="56"/>
      <c r="F43" s="110"/>
      <c r="G43" s="110"/>
    </row>
    <row r="44" spans="1:7" s="4" customFormat="1" ht="33.9" customHeight="1" x14ac:dyDescent="0.2">
      <c r="A44" s="200" t="s">
        <v>104</v>
      </c>
      <c r="B44" s="57" t="s">
        <v>171</v>
      </c>
      <c r="C44" s="42" t="s">
        <v>8</v>
      </c>
      <c r="D44" s="26" t="s">
        <v>109</v>
      </c>
      <c r="E44" s="58"/>
      <c r="F44" s="110"/>
      <c r="G44" s="110"/>
    </row>
    <row r="45" spans="1:7" s="4" customFormat="1" ht="60" customHeight="1" x14ac:dyDescent="0.2">
      <c r="A45" s="201"/>
      <c r="B45" s="62" t="s">
        <v>291</v>
      </c>
      <c r="C45" s="59" t="s">
        <v>8</v>
      </c>
      <c r="D45" s="60" t="s">
        <v>105</v>
      </c>
      <c r="E45" s="61"/>
      <c r="F45" s="110"/>
      <c r="G45" s="110"/>
    </row>
    <row r="46" spans="1:7" s="4" customFormat="1" ht="24.9" customHeight="1" x14ac:dyDescent="0.2">
      <c r="A46" s="201"/>
      <c r="B46" s="62" t="s">
        <v>133</v>
      </c>
      <c r="C46" s="59" t="s">
        <v>8</v>
      </c>
      <c r="D46" s="47" t="s">
        <v>7</v>
      </c>
      <c r="E46" s="63"/>
      <c r="F46" s="110"/>
      <c r="G46" s="110"/>
    </row>
    <row r="47" spans="1:7" s="4" customFormat="1" ht="50.1" customHeight="1" x14ac:dyDescent="0.2">
      <c r="A47" s="202"/>
      <c r="B47" s="64" t="s">
        <v>172</v>
      </c>
      <c r="C47" s="50" t="s">
        <v>8</v>
      </c>
      <c r="D47" s="51" t="s">
        <v>105</v>
      </c>
      <c r="E47" s="52" t="s">
        <v>123</v>
      </c>
      <c r="F47" s="110"/>
      <c r="G47" s="110"/>
    </row>
    <row r="48" spans="1:7" s="4" customFormat="1" ht="33.9" customHeight="1" x14ac:dyDescent="0.2">
      <c r="A48" s="201" t="s">
        <v>106</v>
      </c>
      <c r="B48" s="65" t="s">
        <v>136</v>
      </c>
      <c r="C48" s="66" t="s">
        <v>8</v>
      </c>
      <c r="D48" s="67" t="s">
        <v>109</v>
      </c>
      <c r="E48" s="68"/>
      <c r="F48" s="110"/>
      <c r="G48" s="110"/>
    </row>
    <row r="49" spans="1:7" s="4" customFormat="1" ht="50.1" customHeight="1" x14ac:dyDescent="0.2">
      <c r="A49" s="201"/>
      <c r="B49" s="69" t="s">
        <v>177</v>
      </c>
      <c r="C49" s="70" t="s">
        <v>8</v>
      </c>
      <c r="D49" s="71" t="s">
        <v>15</v>
      </c>
      <c r="E49" s="22" t="s">
        <v>124</v>
      </c>
      <c r="F49" s="110"/>
      <c r="G49" s="110"/>
    </row>
    <row r="50" spans="1:7" s="4" customFormat="1" ht="20.100000000000001" customHeight="1" x14ac:dyDescent="0.2">
      <c r="A50" s="201"/>
      <c r="B50" s="62" t="s">
        <v>125</v>
      </c>
      <c r="C50" s="35" t="s">
        <v>8</v>
      </c>
      <c r="D50" s="36" t="s">
        <v>15</v>
      </c>
      <c r="E50" s="22"/>
      <c r="F50" s="110"/>
      <c r="G50" s="110"/>
    </row>
    <row r="51" spans="1:7" s="4" customFormat="1" ht="33.9" customHeight="1" x14ac:dyDescent="0.2">
      <c r="A51" s="201"/>
      <c r="B51" s="72" t="s">
        <v>173</v>
      </c>
      <c r="C51" s="46" t="s">
        <v>8</v>
      </c>
      <c r="D51" s="73" t="s">
        <v>15</v>
      </c>
      <c r="E51" s="22" t="s">
        <v>126</v>
      </c>
      <c r="F51" s="110"/>
      <c r="G51" s="110"/>
    </row>
    <row r="52" spans="1:7" s="4" customFormat="1" ht="33.9" customHeight="1" x14ac:dyDescent="0.2">
      <c r="A52" s="201"/>
      <c r="B52" s="62" t="s">
        <v>137</v>
      </c>
      <c r="C52" s="66" t="s">
        <v>8</v>
      </c>
      <c r="D52" s="74" t="s">
        <v>138</v>
      </c>
      <c r="E52" s="22" t="s">
        <v>127</v>
      </c>
      <c r="F52" s="110"/>
      <c r="G52" s="110"/>
    </row>
    <row r="53" spans="1:7" s="4" customFormat="1" ht="20.100000000000001" customHeight="1" x14ac:dyDescent="0.2">
      <c r="A53" s="201"/>
      <c r="B53" s="62" t="s">
        <v>133</v>
      </c>
      <c r="C53" s="75" t="s">
        <v>8</v>
      </c>
      <c r="D53" s="73" t="s">
        <v>15</v>
      </c>
      <c r="E53" s="76"/>
      <c r="F53" s="110"/>
      <c r="G53" s="110"/>
    </row>
    <row r="54" spans="1:7" s="4" customFormat="1" ht="20.100000000000001" customHeight="1" x14ac:dyDescent="0.2">
      <c r="A54" s="202"/>
      <c r="B54" s="77" t="s">
        <v>128</v>
      </c>
      <c r="C54" s="38" t="s">
        <v>8</v>
      </c>
      <c r="D54" s="78" t="s">
        <v>129</v>
      </c>
      <c r="E54" s="68"/>
      <c r="F54" s="110"/>
      <c r="G54" s="110"/>
    </row>
    <row r="55" spans="1:7" s="4" customFormat="1" ht="24.9" customHeight="1" x14ac:dyDescent="0.2">
      <c r="A55" s="182" t="s">
        <v>139</v>
      </c>
      <c r="B55" s="79" t="s">
        <v>150</v>
      </c>
      <c r="C55" s="42" t="s">
        <v>8</v>
      </c>
      <c r="D55" s="26" t="s">
        <v>7</v>
      </c>
      <c r="E55" s="44"/>
      <c r="F55" s="110"/>
      <c r="G55" s="110"/>
    </row>
    <row r="56" spans="1:7" s="4" customFormat="1" ht="50.1" customHeight="1" x14ac:dyDescent="0.2">
      <c r="A56" s="179"/>
      <c r="B56" s="80" t="s">
        <v>174</v>
      </c>
      <c r="C56" s="46" t="s">
        <v>8</v>
      </c>
      <c r="D56" s="81" t="s">
        <v>7</v>
      </c>
      <c r="E56" s="48"/>
      <c r="F56" s="110"/>
      <c r="G56" s="110"/>
    </row>
    <row r="57" spans="1:7" s="4" customFormat="1" ht="99.9" customHeight="1" x14ac:dyDescent="0.2">
      <c r="A57" s="179"/>
      <c r="B57" s="82" t="s">
        <v>280</v>
      </c>
      <c r="C57" s="35" t="s">
        <v>8</v>
      </c>
      <c r="D57" s="36" t="s">
        <v>130</v>
      </c>
      <c r="E57" s="48"/>
      <c r="F57" s="110"/>
      <c r="G57" s="110"/>
    </row>
    <row r="58" spans="1:7" s="4" customFormat="1" ht="90" customHeight="1" x14ac:dyDescent="0.2">
      <c r="A58" s="179"/>
      <c r="B58" s="83" t="s">
        <v>281</v>
      </c>
      <c r="C58" s="84" t="s">
        <v>8</v>
      </c>
      <c r="D58" s="85" t="s">
        <v>130</v>
      </c>
      <c r="E58" s="86"/>
      <c r="F58" s="110"/>
      <c r="G58" s="110"/>
    </row>
    <row r="59" spans="1:7" s="8" customFormat="1" ht="33.9" customHeight="1" x14ac:dyDescent="0.2">
      <c r="A59" s="87"/>
      <c r="B59" s="77" t="s">
        <v>244</v>
      </c>
      <c r="C59" s="88" t="s">
        <v>8</v>
      </c>
      <c r="D59" s="89" t="s">
        <v>141</v>
      </c>
      <c r="E59" s="90"/>
      <c r="F59" s="110"/>
      <c r="G59" s="110"/>
    </row>
    <row r="60" spans="1:7" s="8" customFormat="1" ht="24.9" customHeight="1" x14ac:dyDescent="0.2">
      <c r="A60" s="182" t="s">
        <v>156</v>
      </c>
      <c r="B60" s="80" t="s">
        <v>157</v>
      </c>
      <c r="C60" s="91"/>
      <c r="D60" s="92"/>
      <c r="E60" s="93"/>
      <c r="F60" s="110"/>
      <c r="G60" s="110"/>
    </row>
    <row r="61" spans="1:7" s="8" customFormat="1" ht="50.1" customHeight="1" x14ac:dyDescent="0.2">
      <c r="A61" s="179"/>
      <c r="B61" s="94" t="s">
        <v>158</v>
      </c>
      <c r="C61" s="95" t="s">
        <v>100</v>
      </c>
      <c r="D61" s="96" t="s">
        <v>141</v>
      </c>
      <c r="E61" s="97"/>
      <c r="F61" s="110"/>
      <c r="G61" s="110"/>
    </row>
    <row r="62" spans="1:7" s="8" customFormat="1" ht="24.9" customHeight="1" x14ac:dyDescent="0.2">
      <c r="A62" s="179"/>
      <c r="B62" s="94" t="s">
        <v>140</v>
      </c>
      <c r="C62" s="95" t="s">
        <v>100</v>
      </c>
      <c r="D62" s="96" t="s">
        <v>141</v>
      </c>
      <c r="E62" s="97"/>
      <c r="F62" s="110"/>
      <c r="G62" s="110"/>
    </row>
    <row r="63" spans="1:7" s="8" customFormat="1" ht="99.9" customHeight="1" x14ac:dyDescent="0.2">
      <c r="A63" s="179"/>
      <c r="B63" s="94" t="s">
        <v>280</v>
      </c>
      <c r="C63" s="95" t="s">
        <v>100</v>
      </c>
      <c r="D63" s="89" t="s">
        <v>141</v>
      </c>
      <c r="E63" s="97"/>
      <c r="F63" s="110"/>
      <c r="G63" s="110"/>
    </row>
    <row r="64" spans="1:7" s="8" customFormat="1" ht="50.1" customHeight="1" x14ac:dyDescent="0.2">
      <c r="A64" s="179"/>
      <c r="B64" s="94" t="s">
        <v>160</v>
      </c>
      <c r="C64" s="95" t="s">
        <v>100</v>
      </c>
      <c r="D64" s="89" t="s">
        <v>161</v>
      </c>
      <c r="E64" s="97"/>
      <c r="F64" s="110"/>
      <c r="G64" s="110"/>
    </row>
    <row r="65" spans="1:7" s="8" customFormat="1" ht="50.1" customHeight="1" x14ac:dyDescent="0.2">
      <c r="A65" s="179"/>
      <c r="B65" s="94" t="s">
        <v>162</v>
      </c>
      <c r="C65" s="95" t="s">
        <v>100</v>
      </c>
      <c r="D65" s="96" t="s">
        <v>141</v>
      </c>
      <c r="E65" s="97"/>
      <c r="F65" s="110"/>
      <c r="G65" s="110"/>
    </row>
    <row r="66" spans="1:7" s="8" customFormat="1" ht="24.9" customHeight="1" x14ac:dyDescent="0.2">
      <c r="A66" s="179"/>
      <c r="B66" s="94" t="s">
        <v>140</v>
      </c>
      <c r="C66" s="95" t="s">
        <v>100</v>
      </c>
      <c r="D66" s="96" t="s">
        <v>141</v>
      </c>
      <c r="E66" s="97"/>
      <c r="F66" s="110"/>
      <c r="G66" s="110"/>
    </row>
    <row r="67" spans="1:7" s="8" customFormat="1" ht="50.1" customHeight="1" x14ac:dyDescent="0.2">
      <c r="A67" s="179"/>
      <c r="B67" s="94" t="s">
        <v>159</v>
      </c>
      <c r="C67" s="95" t="s">
        <v>100</v>
      </c>
      <c r="D67" s="89" t="s">
        <v>161</v>
      </c>
      <c r="E67" s="97"/>
      <c r="F67" s="110"/>
      <c r="G67" s="110"/>
    </row>
    <row r="68" spans="1:7" s="8" customFormat="1" ht="99.9" customHeight="1" x14ac:dyDescent="0.2">
      <c r="A68" s="179"/>
      <c r="B68" s="94" t="s">
        <v>282</v>
      </c>
      <c r="C68" s="98" t="s">
        <v>8</v>
      </c>
      <c r="D68" s="89" t="s">
        <v>228</v>
      </c>
      <c r="E68" s="97"/>
      <c r="F68" s="110"/>
      <c r="G68" s="110"/>
    </row>
    <row r="69" spans="1:7" s="8" customFormat="1" ht="33.9" customHeight="1" x14ac:dyDescent="0.2">
      <c r="A69" s="183"/>
      <c r="B69" s="94" t="s">
        <v>244</v>
      </c>
      <c r="C69" s="88" t="s">
        <v>8</v>
      </c>
      <c r="D69" s="89" t="s">
        <v>141</v>
      </c>
      <c r="E69" s="97"/>
      <c r="F69" s="110"/>
      <c r="G69" s="110"/>
    </row>
    <row r="70" spans="1:7" s="4" customFormat="1" ht="20.100000000000001" customHeight="1" x14ac:dyDescent="0.2">
      <c r="A70" s="182" t="s">
        <v>142</v>
      </c>
      <c r="B70" s="57" t="s">
        <v>143</v>
      </c>
      <c r="C70" s="32" t="s">
        <v>8</v>
      </c>
      <c r="D70" s="99" t="s">
        <v>109</v>
      </c>
      <c r="E70" s="21"/>
      <c r="F70" s="110"/>
      <c r="G70" s="110"/>
    </row>
    <row r="71" spans="1:7" s="4" customFormat="1" ht="50.1" customHeight="1" x14ac:dyDescent="0.2">
      <c r="A71" s="179"/>
      <c r="B71" s="100" t="s">
        <v>144</v>
      </c>
      <c r="C71" s="101" t="s">
        <v>8</v>
      </c>
      <c r="D71" s="102" t="s">
        <v>7</v>
      </c>
      <c r="E71" s="22" t="s">
        <v>145</v>
      </c>
      <c r="F71" s="110"/>
      <c r="G71" s="110"/>
    </row>
    <row r="72" spans="1:7" s="4" customFormat="1" ht="20.100000000000001" customHeight="1" x14ac:dyDescent="0.2">
      <c r="A72" s="179"/>
      <c r="B72" s="62" t="s">
        <v>125</v>
      </c>
      <c r="C72" s="35" t="s">
        <v>8</v>
      </c>
      <c r="D72" s="103" t="s">
        <v>15</v>
      </c>
      <c r="E72" s="22"/>
      <c r="F72" s="110"/>
      <c r="G72" s="110"/>
    </row>
    <row r="73" spans="1:7" s="4" customFormat="1" ht="50.1" customHeight="1" x14ac:dyDescent="0.2">
      <c r="A73" s="179"/>
      <c r="B73" s="62" t="s">
        <v>146</v>
      </c>
      <c r="C73" s="35" t="s">
        <v>8</v>
      </c>
      <c r="D73" s="103" t="s">
        <v>15</v>
      </c>
      <c r="E73" s="22" t="s">
        <v>145</v>
      </c>
      <c r="F73" s="110"/>
      <c r="G73" s="110"/>
    </row>
    <row r="74" spans="1:7" s="4" customFormat="1" ht="33.9" customHeight="1" x14ac:dyDescent="0.2">
      <c r="A74" s="179"/>
      <c r="B74" s="34" t="s">
        <v>147</v>
      </c>
      <c r="C74" s="35" t="s">
        <v>8</v>
      </c>
      <c r="D74" s="103" t="s">
        <v>148</v>
      </c>
      <c r="E74" s="22" t="s">
        <v>149</v>
      </c>
      <c r="F74" s="110"/>
      <c r="G74" s="110"/>
    </row>
    <row r="75" spans="1:7" s="4" customFormat="1" ht="20.100000000000001" customHeight="1" x14ac:dyDescent="0.2">
      <c r="A75" s="179"/>
      <c r="B75" s="62" t="s">
        <v>150</v>
      </c>
      <c r="C75" s="35" t="s">
        <v>8</v>
      </c>
      <c r="D75" s="103" t="s">
        <v>7</v>
      </c>
      <c r="E75" s="22"/>
      <c r="F75" s="110"/>
      <c r="G75" s="110"/>
    </row>
    <row r="76" spans="1:7" s="4" customFormat="1" ht="20.100000000000001" customHeight="1" x14ac:dyDescent="0.2">
      <c r="A76" s="183"/>
      <c r="B76" s="64" t="s">
        <v>128</v>
      </c>
      <c r="C76" s="38" t="s">
        <v>8</v>
      </c>
      <c r="D76" s="104" t="s">
        <v>129</v>
      </c>
      <c r="E76" s="40"/>
      <c r="F76" s="110"/>
      <c r="G76" s="110"/>
    </row>
    <row r="77" spans="1:7" s="4" customFormat="1" ht="20.100000000000001" customHeight="1" x14ac:dyDescent="0.2">
      <c r="A77" s="182" t="s">
        <v>151</v>
      </c>
      <c r="B77" s="57" t="s">
        <v>152</v>
      </c>
      <c r="C77" s="32" t="s">
        <v>8</v>
      </c>
      <c r="D77" s="99" t="s">
        <v>109</v>
      </c>
      <c r="E77" s="105"/>
      <c r="F77" s="110"/>
      <c r="G77" s="110"/>
    </row>
    <row r="78" spans="1:7" s="4" customFormat="1" ht="33.9" customHeight="1" x14ac:dyDescent="0.2">
      <c r="A78" s="179"/>
      <c r="B78" s="62" t="s">
        <v>153</v>
      </c>
      <c r="C78" s="35" t="s">
        <v>8</v>
      </c>
      <c r="D78" s="103" t="s">
        <v>23</v>
      </c>
      <c r="E78" s="76" t="s">
        <v>145</v>
      </c>
      <c r="F78" s="110"/>
      <c r="G78" s="110"/>
    </row>
    <row r="79" spans="1:7" s="4" customFormat="1" ht="20.100000000000001" customHeight="1" x14ac:dyDescent="0.2">
      <c r="A79" s="179"/>
      <c r="B79" s="62" t="s">
        <v>125</v>
      </c>
      <c r="C79" s="35" t="s">
        <v>8</v>
      </c>
      <c r="D79" s="103" t="s">
        <v>15</v>
      </c>
      <c r="E79" s="76"/>
      <c r="F79" s="110"/>
      <c r="G79" s="110"/>
    </row>
    <row r="80" spans="1:7" s="4" customFormat="1" ht="50.1" customHeight="1" x14ac:dyDescent="0.2">
      <c r="A80" s="179"/>
      <c r="B80" s="62" t="s">
        <v>154</v>
      </c>
      <c r="C80" s="35" t="s">
        <v>8</v>
      </c>
      <c r="D80" s="103" t="s">
        <v>15</v>
      </c>
      <c r="E80" s="76" t="s">
        <v>145</v>
      </c>
      <c r="F80" s="110"/>
      <c r="G80" s="110"/>
    </row>
    <row r="81" spans="1:7" s="4" customFormat="1" ht="33.9" customHeight="1" x14ac:dyDescent="0.2">
      <c r="A81" s="179"/>
      <c r="B81" s="34" t="s">
        <v>155</v>
      </c>
      <c r="C81" s="35" t="s">
        <v>8</v>
      </c>
      <c r="D81" s="103" t="s">
        <v>148</v>
      </c>
      <c r="E81" s="76" t="s">
        <v>149</v>
      </c>
      <c r="F81" s="110"/>
      <c r="G81" s="110"/>
    </row>
    <row r="82" spans="1:7" s="4" customFormat="1" ht="20.100000000000001" customHeight="1" x14ac:dyDescent="0.2">
      <c r="A82" s="179"/>
      <c r="B82" s="62" t="s">
        <v>150</v>
      </c>
      <c r="C82" s="35" t="s">
        <v>8</v>
      </c>
      <c r="D82" s="103" t="s">
        <v>15</v>
      </c>
      <c r="E82" s="76"/>
      <c r="F82" s="110"/>
      <c r="G82" s="110"/>
    </row>
    <row r="83" spans="1:7" s="4" customFormat="1" ht="20.100000000000001" customHeight="1" x14ac:dyDescent="0.2">
      <c r="A83" s="179"/>
      <c r="B83" s="62" t="s">
        <v>128</v>
      </c>
      <c r="C83" s="35" t="s">
        <v>8</v>
      </c>
      <c r="D83" s="103" t="s">
        <v>129</v>
      </c>
      <c r="E83" s="76"/>
      <c r="F83" s="110"/>
      <c r="G83" s="110"/>
    </row>
    <row r="84" spans="1:7" s="4" customFormat="1" ht="33.9" customHeight="1" x14ac:dyDescent="0.2">
      <c r="A84" s="183"/>
      <c r="B84" s="106" t="s">
        <v>283</v>
      </c>
      <c r="C84" s="107" t="s">
        <v>8</v>
      </c>
      <c r="D84" s="108" t="s">
        <v>15</v>
      </c>
      <c r="E84" s="109"/>
      <c r="F84" s="110"/>
      <c r="G84" s="110"/>
    </row>
    <row r="85" spans="1:7" s="5" customFormat="1" ht="20.100000000000001" customHeight="1" x14ac:dyDescent="0.2">
      <c r="A85" s="182" t="s">
        <v>18</v>
      </c>
      <c r="B85" s="57" t="s">
        <v>19</v>
      </c>
      <c r="C85" s="32" t="s">
        <v>8</v>
      </c>
      <c r="D85" s="33" t="s">
        <v>15</v>
      </c>
      <c r="E85" s="21"/>
      <c r="F85" s="110"/>
      <c r="G85" s="110"/>
    </row>
    <row r="86" spans="1:7" s="5" customFormat="1" ht="20.100000000000001" customHeight="1" x14ac:dyDescent="0.2">
      <c r="A86" s="179"/>
      <c r="B86" s="62" t="s">
        <v>43</v>
      </c>
      <c r="C86" s="35" t="s">
        <v>8</v>
      </c>
      <c r="D86" s="36" t="s">
        <v>15</v>
      </c>
      <c r="E86" s="22"/>
      <c r="F86" s="110"/>
      <c r="G86" s="110"/>
    </row>
    <row r="87" spans="1:7" s="3" customFormat="1" ht="20.100000000000001" customHeight="1" x14ac:dyDescent="0.2">
      <c r="A87" s="183"/>
      <c r="B87" s="64" t="s">
        <v>78</v>
      </c>
      <c r="C87" s="38" t="s">
        <v>8</v>
      </c>
      <c r="D87" s="39" t="s">
        <v>7</v>
      </c>
      <c r="E87" s="40"/>
      <c r="F87" s="110"/>
      <c r="G87" s="110"/>
    </row>
    <row r="88" spans="1:7" s="5" customFormat="1" ht="50.1" customHeight="1" x14ac:dyDescent="0.2">
      <c r="A88" s="182" t="s">
        <v>284</v>
      </c>
      <c r="B88" s="57" t="s">
        <v>285</v>
      </c>
      <c r="C88" s="32" t="s">
        <v>8</v>
      </c>
      <c r="D88" s="33" t="s">
        <v>15</v>
      </c>
      <c r="E88" s="111"/>
      <c r="F88" s="110"/>
      <c r="G88" s="110"/>
    </row>
    <row r="89" spans="1:7" s="5" customFormat="1" ht="20.100000000000001" customHeight="1" x14ac:dyDescent="0.2">
      <c r="A89" s="179"/>
      <c r="B89" s="62" t="s">
        <v>20</v>
      </c>
      <c r="C89" s="35" t="s">
        <v>8</v>
      </c>
      <c r="D89" s="36" t="s">
        <v>15</v>
      </c>
      <c r="E89" s="22" t="s">
        <v>21</v>
      </c>
      <c r="F89" s="110"/>
      <c r="G89" s="110"/>
    </row>
    <row r="90" spans="1:7" s="5" customFormat="1" ht="20.100000000000001" customHeight="1" x14ac:dyDescent="0.2">
      <c r="A90" s="179"/>
      <c r="B90" s="62" t="s">
        <v>22</v>
      </c>
      <c r="C90" s="35" t="s">
        <v>8</v>
      </c>
      <c r="D90" s="36" t="s">
        <v>23</v>
      </c>
      <c r="E90" s="22"/>
      <c r="F90" s="110"/>
      <c r="G90" s="110"/>
    </row>
    <row r="91" spans="1:7" s="7" customFormat="1" ht="19.95" customHeight="1" x14ac:dyDescent="0.2">
      <c r="A91" s="183"/>
      <c r="B91" s="64" t="s">
        <v>92</v>
      </c>
      <c r="C91" s="38" t="s">
        <v>8</v>
      </c>
      <c r="D91" s="39" t="s">
        <v>23</v>
      </c>
      <c r="E91" s="40"/>
      <c r="F91" s="110"/>
      <c r="G91" s="110"/>
    </row>
    <row r="92" spans="1:7" s="5" customFormat="1" ht="50.1" customHeight="1" x14ac:dyDescent="0.2">
      <c r="A92" s="182" t="s">
        <v>24</v>
      </c>
      <c r="B92" s="57" t="s">
        <v>25</v>
      </c>
      <c r="C92" s="32" t="s">
        <v>8</v>
      </c>
      <c r="D92" s="112" t="s">
        <v>7</v>
      </c>
      <c r="E92" s="113" t="s">
        <v>26</v>
      </c>
      <c r="F92" s="110"/>
      <c r="G92" s="110"/>
    </row>
    <row r="93" spans="1:7" s="5" customFormat="1" ht="50.1" customHeight="1" x14ac:dyDescent="0.2">
      <c r="A93" s="179"/>
      <c r="B93" s="62" t="s">
        <v>27</v>
      </c>
      <c r="C93" s="35" t="s">
        <v>8</v>
      </c>
      <c r="D93" s="36" t="s">
        <v>15</v>
      </c>
      <c r="E93" s="22" t="s">
        <v>73</v>
      </c>
      <c r="F93" s="110"/>
      <c r="G93" s="110"/>
    </row>
    <row r="94" spans="1:7" s="5" customFormat="1" ht="20.100000000000001" customHeight="1" x14ac:dyDescent="0.2">
      <c r="A94" s="179"/>
      <c r="B94" s="62" t="s">
        <v>28</v>
      </c>
      <c r="C94" s="35" t="s">
        <v>8</v>
      </c>
      <c r="D94" s="36" t="s">
        <v>23</v>
      </c>
      <c r="E94" s="22"/>
      <c r="F94" s="110"/>
      <c r="G94" s="110"/>
    </row>
    <row r="95" spans="1:7" s="5" customFormat="1" ht="33.9" customHeight="1" x14ac:dyDescent="0.2">
      <c r="A95" s="183"/>
      <c r="B95" s="64" t="s">
        <v>29</v>
      </c>
      <c r="C95" s="38" t="s">
        <v>8</v>
      </c>
      <c r="D95" s="39" t="s">
        <v>15</v>
      </c>
      <c r="E95" s="40"/>
      <c r="F95" s="110"/>
      <c r="G95" s="110"/>
    </row>
    <row r="96" spans="1:7" s="5" customFormat="1" ht="80.099999999999994" customHeight="1" x14ac:dyDescent="0.2">
      <c r="A96" s="182" t="s">
        <v>30</v>
      </c>
      <c r="B96" s="57" t="s">
        <v>63</v>
      </c>
      <c r="C96" s="32" t="s">
        <v>8</v>
      </c>
      <c r="D96" s="33" t="s">
        <v>7</v>
      </c>
      <c r="E96" s="21" t="s">
        <v>26</v>
      </c>
      <c r="F96" s="110"/>
      <c r="G96" s="110"/>
    </row>
    <row r="97" spans="1:7" s="5" customFormat="1" ht="20.100000000000001" customHeight="1" x14ac:dyDescent="0.2">
      <c r="A97" s="179"/>
      <c r="B97" s="62" t="s">
        <v>64</v>
      </c>
      <c r="C97" s="35" t="s">
        <v>8</v>
      </c>
      <c r="D97" s="36" t="s">
        <v>7</v>
      </c>
      <c r="E97" s="22" t="s">
        <v>26</v>
      </c>
      <c r="F97" s="110"/>
      <c r="G97" s="110"/>
    </row>
    <row r="98" spans="1:7" s="5" customFormat="1" ht="20.100000000000001" customHeight="1" x14ac:dyDescent="0.2">
      <c r="A98" s="179"/>
      <c r="B98" s="62" t="s">
        <v>65</v>
      </c>
      <c r="C98" s="35" t="s">
        <v>8</v>
      </c>
      <c r="D98" s="36" t="s">
        <v>7</v>
      </c>
      <c r="E98" s="22" t="s">
        <v>26</v>
      </c>
      <c r="F98" s="110"/>
      <c r="G98" s="110"/>
    </row>
    <row r="99" spans="1:7" s="5" customFormat="1" ht="20.100000000000001" customHeight="1" x14ac:dyDescent="0.2">
      <c r="A99" s="179"/>
      <c r="B99" s="62" t="s">
        <v>66</v>
      </c>
      <c r="C99" s="35" t="s">
        <v>8</v>
      </c>
      <c r="D99" s="36" t="s">
        <v>7</v>
      </c>
      <c r="E99" s="22" t="s">
        <v>26</v>
      </c>
      <c r="F99" s="110"/>
      <c r="G99" s="110"/>
    </row>
    <row r="100" spans="1:7" s="5" customFormat="1" ht="48" customHeight="1" x14ac:dyDescent="0.2">
      <c r="A100" s="179"/>
      <c r="B100" s="62" t="s">
        <v>27</v>
      </c>
      <c r="C100" s="35" t="s">
        <v>8</v>
      </c>
      <c r="D100" s="36" t="s">
        <v>15</v>
      </c>
      <c r="E100" s="22" t="s">
        <v>73</v>
      </c>
      <c r="F100" s="110"/>
      <c r="G100" s="110"/>
    </row>
    <row r="101" spans="1:7" s="5" customFormat="1" ht="20.100000000000001" customHeight="1" x14ac:dyDescent="0.2">
      <c r="A101" s="179"/>
      <c r="B101" s="62" t="s">
        <v>28</v>
      </c>
      <c r="C101" s="35" t="s">
        <v>8</v>
      </c>
      <c r="D101" s="36" t="s">
        <v>23</v>
      </c>
      <c r="E101" s="22"/>
      <c r="F101" s="110"/>
      <c r="G101" s="110"/>
    </row>
    <row r="102" spans="1:7" s="5" customFormat="1" ht="33.9" customHeight="1" x14ac:dyDescent="0.2">
      <c r="A102" s="183"/>
      <c r="B102" s="64" t="s">
        <v>29</v>
      </c>
      <c r="C102" s="38" t="s">
        <v>8</v>
      </c>
      <c r="D102" s="39" t="s">
        <v>15</v>
      </c>
      <c r="E102" s="40"/>
      <c r="F102" s="110"/>
      <c r="G102" s="110"/>
    </row>
    <row r="103" spans="1:7" s="16" customFormat="1" ht="20.100000000000001" customHeight="1" x14ac:dyDescent="0.2">
      <c r="A103" s="196" t="s">
        <v>215</v>
      </c>
      <c r="B103" s="79" t="s">
        <v>245</v>
      </c>
      <c r="C103" s="32"/>
      <c r="D103" s="33"/>
      <c r="E103" s="21"/>
      <c r="F103" s="110"/>
      <c r="G103" s="110"/>
    </row>
    <row r="104" spans="1:7" s="16" customFormat="1" ht="20.100000000000001" customHeight="1" x14ac:dyDescent="0.2">
      <c r="A104" s="197"/>
      <c r="B104" s="151" t="s">
        <v>276</v>
      </c>
      <c r="C104" s="101"/>
      <c r="D104" s="152"/>
      <c r="E104" s="153"/>
      <c r="F104" s="110"/>
      <c r="G104" s="110"/>
    </row>
    <row r="105" spans="1:7" s="16" customFormat="1" ht="33.9" customHeight="1" x14ac:dyDescent="0.2">
      <c r="A105" s="198"/>
      <c r="B105" s="151" t="s">
        <v>277</v>
      </c>
      <c r="C105" s="35" t="s">
        <v>8</v>
      </c>
      <c r="D105" s="36" t="s">
        <v>7</v>
      </c>
      <c r="E105" s="22"/>
      <c r="F105" s="110"/>
      <c r="G105" s="110"/>
    </row>
    <row r="106" spans="1:7" s="16" customFormat="1" ht="33.9" customHeight="1" x14ac:dyDescent="0.2">
      <c r="A106" s="198"/>
      <c r="B106" s="151" t="s">
        <v>278</v>
      </c>
      <c r="C106" s="35" t="s">
        <v>8</v>
      </c>
      <c r="D106" s="36" t="s">
        <v>7</v>
      </c>
      <c r="E106" s="22"/>
      <c r="F106" s="110"/>
      <c r="G106" s="110"/>
    </row>
    <row r="107" spans="1:7" s="16" customFormat="1" ht="20.100000000000001" customHeight="1" x14ac:dyDescent="0.2">
      <c r="A107" s="198"/>
      <c r="B107" s="151" t="s">
        <v>275</v>
      </c>
      <c r="C107" s="35"/>
      <c r="D107" s="36"/>
      <c r="E107" s="22"/>
      <c r="F107" s="110"/>
      <c r="G107" s="110"/>
    </row>
    <row r="108" spans="1:7" s="16" customFormat="1" ht="60" customHeight="1" x14ac:dyDescent="0.2">
      <c r="A108" s="198"/>
      <c r="B108" s="151" t="s">
        <v>273</v>
      </c>
      <c r="C108" s="35" t="s">
        <v>8</v>
      </c>
      <c r="D108" s="36" t="s">
        <v>7</v>
      </c>
      <c r="E108" s="22"/>
      <c r="F108" s="110"/>
      <c r="G108" s="110"/>
    </row>
    <row r="109" spans="1:7" s="16" customFormat="1" ht="20.100000000000001" customHeight="1" x14ac:dyDescent="0.2">
      <c r="A109" s="199"/>
      <c r="B109" s="154" t="s">
        <v>274</v>
      </c>
      <c r="C109" s="38" t="s">
        <v>8</v>
      </c>
      <c r="D109" s="39" t="s">
        <v>7</v>
      </c>
      <c r="E109" s="40"/>
      <c r="F109" s="110"/>
      <c r="G109" s="110"/>
    </row>
    <row r="110" spans="1:7" s="5" customFormat="1" ht="172.5" customHeight="1" x14ac:dyDescent="0.2">
      <c r="A110" s="182" t="s">
        <v>31</v>
      </c>
      <c r="B110" s="57" t="s">
        <v>96</v>
      </c>
      <c r="C110" s="32" t="s">
        <v>8</v>
      </c>
      <c r="D110" s="33" t="s">
        <v>7</v>
      </c>
      <c r="E110" s="21"/>
      <c r="F110" s="110"/>
      <c r="G110" s="110"/>
    </row>
    <row r="111" spans="1:7" s="5" customFormat="1" ht="48" customHeight="1" x14ac:dyDescent="0.2">
      <c r="A111" s="179"/>
      <c r="B111" s="62" t="s">
        <v>67</v>
      </c>
      <c r="C111" s="35" t="s">
        <v>8</v>
      </c>
      <c r="D111" s="36" t="s">
        <v>7</v>
      </c>
      <c r="E111" s="22"/>
      <c r="F111" s="110"/>
      <c r="G111" s="110"/>
    </row>
    <row r="112" spans="1:7" s="5" customFormat="1" ht="20.100000000000001" customHeight="1" x14ac:dyDescent="0.2">
      <c r="A112" s="179"/>
      <c r="B112" s="62" t="s">
        <v>32</v>
      </c>
      <c r="C112" s="35" t="s">
        <v>8</v>
      </c>
      <c r="D112" s="36" t="s">
        <v>15</v>
      </c>
      <c r="E112" s="22"/>
      <c r="F112" s="110"/>
      <c r="G112" s="110"/>
    </row>
    <row r="113" spans="1:7" s="5" customFormat="1" ht="33.9" customHeight="1" x14ac:dyDescent="0.2">
      <c r="A113" s="179"/>
      <c r="B113" s="62" t="s">
        <v>33</v>
      </c>
      <c r="C113" s="35" t="s">
        <v>8</v>
      </c>
      <c r="D113" s="36" t="s">
        <v>15</v>
      </c>
      <c r="E113" s="22" t="s">
        <v>34</v>
      </c>
      <c r="F113" s="110"/>
      <c r="G113" s="110"/>
    </row>
    <row r="114" spans="1:7" s="5" customFormat="1" ht="20.100000000000001" customHeight="1" x14ac:dyDescent="0.2">
      <c r="A114" s="179"/>
      <c r="B114" s="62" t="s">
        <v>35</v>
      </c>
      <c r="C114" s="35" t="s">
        <v>8</v>
      </c>
      <c r="D114" s="36" t="s">
        <v>15</v>
      </c>
      <c r="E114" s="22"/>
      <c r="F114" s="110"/>
      <c r="G114" s="110"/>
    </row>
    <row r="115" spans="1:7" s="5" customFormat="1" ht="50.1" customHeight="1" x14ac:dyDescent="0.2">
      <c r="A115" s="179"/>
      <c r="B115" s="62" t="s">
        <v>97</v>
      </c>
      <c r="C115" s="35" t="s">
        <v>8</v>
      </c>
      <c r="D115" s="36" t="s">
        <v>15</v>
      </c>
      <c r="E115" s="22" t="s">
        <v>36</v>
      </c>
      <c r="F115" s="110"/>
      <c r="G115" s="110"/>
    </row>
    <row r="116" spans="1:7" s="5" customFormat="1" ht="20.100000000000001" customHeight="1" x14ac:dyDescent="0.2">
      <c r="A116" s="179"/>
      <c r="B116" s="62" t="s">
        <v>28</v>
      </c>
      <c r="C116" s="35" t="s">
        <v>8</v>
      </c>
      <c r="D116" s="36" t="s">
        <v>23</v>
      </c>
      <c r="E116" s="22"/>
      <c r="F116" s="110"/>
      <c r="G116" s="110"/>
    </row>
    <row r="117" spans="1:7" s="5" customFormat="1" ht="33.9" customHeight="1" x14ac:dyDescent="0.2">
      <c r="A117" s="183"/>
      <c r="B117" s="49" t="s">
        <v>37</v>
      </c>
      <c r="C117" s="38" t="s">
        <v>8</v>
      </c>
      <c r="D117" s="39" t="s">
        <v>23</v>
      </c>
      <c r="E117" s="114"/>
      <c r="F117" s="110"/>
      <c r="G117" s="110"/>
    </row>
    <row r="118" spans="1:7" s="16" customFormat="1" ht="52.8" x14ac:dyDescent="0.2">
      <c r="A118" s="182" t="s">
        <v>216</v>
      </c>
      <c r="B118" s="65" t="s">
        <v>246</v>
      </c>
      <c r="C118" s="124" t="s">
        <v>8</v>
      </c>
      <c r="D118" s="85" t="s">
        <v>7</v>
      </c>
      <c r="E118" s="155" t="s">
        <v>248</v>
      </c>
      <c r="F118" s="110"/>
      <c r="G118" s="110"/>
    </row>
    <row r="119" spans="1:7" s="16" customFormat="1" ht="60" customHeight="1" x14ac:dyDescent="0.2">
      <c r="A119" s="179"/>
      <c r="B119" s="65" t="s">
        <v>247</v>
      </c>
      <c r="C119" s="124" t="s">
        <v>8</v>
      </c>
      <c r="D119" s="85" t="s">
        <v>7</v>
      </c>
      <c r="E119" s="155"/>
      <c r="F119" s="110"/>
      <c r="G119" s="110"/>
    </row>
    <row r="120" spans="1:7" s="16" customFormat="1" ht="33.9" customHeight="1" x14ac:dyDescent="0.2">
      <c r="A120" s="183"/>
      <c r="B120" s="65" t="s">
        <v>249</v>
      </c>
      <c r="C120" s="124" t="s">
        <v>8</v>
      </c>
      <c r="D120" s="85" t="s">
        <v>7</v>
      </c>
      <c r="E120" s="155" t="s">
        <v>250</v>
      </c>
      <c r="F120" s="110"/>
      <c r="G120" s="110"/>
    </row>
    <row r="121" spans="1:7" s="2" customFormat="1" ht="50.1" customHeight="1" x14ac:dyDescent="0.2">
      <c r="A121" s="182" t="s">
        <v>252</v>
      </c>
      <c r="B121" s="41" t="s">
        <v>70</v>
      </c>
      <c r="C121" s="42" t="s">
        <v>8</v>
      </c>
      <c r="D121" s="43" t="s">
        <v>54</v>
      </c>
      <c r="E121" s="44"/>
      <c r="F121" s="175"/>
      <c r="G121" s="175"/>
    </row>
    <row r="122" spans="1:7" s="2" customFormat="1" ht="33.9" customHeight="1" x14ac:dyDescent="0.2">
      <c r="A122" s="179"/>
      <c r="B122" s="45" t="s">
        <v>286</v>
      </c>
      <c r="C122" s="46" t="s">
        <v>8</v>
      </c>
      <c r="D122" s="47" t="s">
        <v>55</v>
      </c>
      <c r="E122" s="48"/>
      <c r="F122" s="175"/>
      <c r="G122" s="175"/>
    </row>
    <row r="123" spans="1:7" s="2" customFormat="1" ht="33.9" customHeight="1" x14ac:dyDescent="0.2">
      <c r="A123" s="179"/>
      <c r="B123" s="45" t="s">
        <v>72</v>
      </c>
      <c r="C123" s="46" t="s">
        <v>8</v>
      </c>
      <c r="D123" s="47" t="s">
        <v>56</v>
      </c>
      <c r="E123" s="48"/>
      <c r="F123" s="175"/>
      <c r="G123" s="175"/>
    </row>
    <row r="124" spans="1:7" s="6" customFormat="1" ht="33.9" customHeight="1" x14ac:dyDescent="0.2">
      <c r="A124" s="179"/>
      <c r="B124" s="34" t="s">
        <v>98</v>
      </c>
      <c r="C124" s="35" t="s">
        <v>8</v>
      </c>
      <c r="D124" s="36" t="s">
        <v>79</v>
      </c>
      <c r="E124" s="22"/>
      <c r="F124" s="110"/>
      <c r="G124" s="110"/>
    </row>
    <row r="125" spans="1:7" s="2" customFormat="1" ht="33.9" customHeight="1" x14ac:dyDescent="0.2">
      <c r="A125" s="179"/>
      <c r="B125" s="45" t="s">
        <v>134</v>
      </c>
      <c r="C125" s="35" t="s">
        <v>8</v>
      </c>
      <c r="D125" s="36" t="s">
        <v>7</v>
      </c>
      <c r="E125" s="48"/>
      <c r="F125" s="175"/>
      <c r="G125" s="175"/>
    </row>
    <row r="126" spans="1:7" s="6" customFormat="1" ht="20.100000000000001" customHeight="1" x14ac:dyDescent="0.2">
      <c r="A126" s="179"/>
      <c r="B126" s="34" t="s">
        <v>20</v>
      </c>
      <c r="C126" s="35" t="s">
        <v>8</v>
      </c>
      <c r="D126" s="36" t="s">
        <v>15</v>
      </c>
      <c r="E126" s="22" t="s">
        <v>68</v>
      </c>
      <c r="F126" s="110"/>
      <c r="G126" s="110"/>
    </row>
    <row r="127" spans="1:7" s="6" customFormat="1" ht="20.100000000000001" customHeight="1" x14ac:dyDescent="0.2">
      <c r="A127" s="183"/>
      <c r="B127" s="37" t="s">
        <v>91</v>
      </c>
      <c r="C127" s="38" t="s">
        <v>8</v>
      </c>
      <c r="D127" s="39" t="s">
        <v>15</v>
      </c>
      <c r="E127" s="40" t="s">
        <v>69</v>
      </c>
      <c r="F127" s="110"/>
      <c r="G127" s="110"/>
    </row>
    <row r="128" spans="1:7" s="2" customFormat="1" ht="42.9" customHeight="1" x14ac:dyDescent="0.2">
      <c r="A128" s="182" t="s">
        <v>251</v>
      </c>
      <c r="B128" s="41" t="s">
        <v>70</v>
      </c>
      <c r="C128" s="42" t="s">
        <v>8</v>
      </c>
      <c r="D128" s="43" t="s">
        <v>54</v>
      </c>
      <c r="E128" s="44"/>
      <c r="F128" s="175"/>
      <c r="G128" s="175"/>
    </row>
    <row r="129" spans="1:7" s="2" customFormat="1" ht="30" customHeight="1" x14ac:dyDescent="0.2">
      <c r="A129" s="179"/>
      <c r="B129" s="45" t="s">
        <v>71</v>
      </c>
      <c r="C129" s="46" t="s">
        <v>8</v>
      </c>
      <c r="D129" s="47" t="s">
        <v>55</v>
      </c>
      <c r="E129" s="48"/>
      <c r="F129" s="175"/>
      <c r="G129" s="175"/>
    </row>
    <row r="130" spans="1:7" s="2" customFormat="1" ht="30" customHeight="1" x14ac:dyDescent="0.2">
      <c r="A130" s="179"/>
      <c r="B130" s="45" t="s">
        <v>72</v>
      </c>
      <c r="C130" s="46" t="s">
        <v>8</v>
      </c>
      <c r="D130" s="47" t="s">
        <v>56</v>
      </c>
      <c r="E130" s="48"/>
      <c r="F130" s="175"/>
      <c r="G130" s="175"/>
    </row>
    <row r="131" spans="1:7" s="6" customFormat="1" ht="20.100000000000001" customHeight="1" x14ac:dyDescent="0.2">
      <c r="A131" s="179"/>
      <c r="B131" s="34" t="s">
        <v>20</v>
      </c>
      <c r="C131" s="35" t="s">
        <v>8</v>
      </c>
      <c r="D131" s="36" t="s">
        <v>15</v>
      </c>
      <c r="E131" s="22" t="s">
        <v>68</v>
      </c>
      <c r="F131" s="110"/>
      <c r="G131" s="110"/>
    </row>
    <row r="132" spans="1:7" s="6" customFormat="1" ht="20.100000000000001" customHeight="1" x14ac:dyDescent="0.2">
      <c r="A132" s="183"/>
      <c r="B132" s="37" t="s">
        <v>253</v>
      </c>
      <c r="C132" s="38" t="s">
        <v>8</v>
      </c>
      <c r="D132" s="39" t="s">
        <v>15</v>
      </c>
      <c r="E132" s="40" t="s">
        <v>69</v>
      </c>
      <c r="F132" s="110"/>
      <c r="G132" s="110"/>
    </row>
    <row r="133" spans="1:7" s="6" customFormat="1" ht="20.100000000000001" customHeight="1" x14ac:dyDescent="0.2">
      <c r="A133" s="182" t="s">
        <v>81</v>
      </c>
      <c r="B133" s="115" t="s">
        <v>82</v>
      </c>
      <c r="C133" s="116" t="s">
        <v>8</v>
      </c>
      <c r="D133" s="117" t="s">
        <v>80</v>
      </c>
      <c r="E133" s="118"/>
      <c r="F133" s="110"/>
      <c r="G133" s="110"/>
    </row>
    <row r="134" spans="1:7" s="6" customFormat="1" ht="20.100000000000001" customHeight="1" x14ac:dyDescent="0.2">
      <c r="A134" s="179"/>
      <c r="B134" s="119" t="s">
        <v>83</v>
      </c>
      <c r="C134" s="120" t="s">
        <v>8</v>
      </c>
      <c r="D134" s="121" t="s">
        <v>15</v>
      </c>
      <c r="E134" s="122"/>
      <c r="F134" s="110"/>
      <c r="G134" s="110"/>
    </row>
    <row r="135" spans="1:7" s="6" customFormat="1" ht="20.100000000000001" customHeight="1" x14ac:dyDescent="0.2">
      <c r="A135" s="179"/>
      <c r="B135" s="123" t="s">
        <v>293</v>
      </c>
      <c r="C135" s="124" t="s">
        <v>8</v>
      </c>
      <c r="D135" s="85" t="s">
        <v>7</v>
      </c>
      <c r="E135" s="23"/>
      <c r="F135" s="110"/>
      <c r="G135" s="110"/>
    </row>
    <row r="136" spans="1:7" s="6" customFormat="1" ht="20.100000000000001" customHeight="1" x14ac:dyDescent="0.2">
      <c r="A136" s="179"/>
      <c r="B136" s="123" t="s">
        <v>292</v>
      </c>
      <c r="C136" s="124" t="s">
        <v>8</v>
      </c>
      <c r="D136" s="85" t="s">
        <v>15</v>
      </c>
      <c r="E136" s="125"/>
      <c r="F136" s="110"/>
      <c r="G136" s="110"/>
    </row>
    <row r="137" spans="1:7" s="2" customFormat="1" ht="20.100000000000001" customHeight="1" x14ac:dyDescent="0.2">
      <c r="A137" s="182" t="s">
        <v>287</v>
      </c>
      <c r="B137" s="41" t="s">
        <v>279</v>
      </c>
      <c r="C137" s="42" t="s">
        <v>8</v>
      </c>
      <c r="D137" s="43" t="s">
        <v>15</v>
      </c>
      <c r="E137" s="21"/>
      <c r="F137" s="175"/>
      <c r="G137" s="175"/>
    </row>
    <row r="138" spans="1:7" s="2" customFormat="1" ht="30" customHeight="1" x14ac:dyDescent="0.2">
      <c r="A138" s="179"/>
      <c r="B138" s="45" t="s">
        <v>57</v>
      </c>
      <c r="C138" s="46" t="s">
        <v>8</v>
      </c>
      <c r="D138" s="47" t="s">
        <v>15</v>
      </c>
      <c r="E138" s="22"/>
      <c r="F138" s="175"/>
      <c r="G138" s="175"/>
    </row>
    <row r="139" spans="1:7" s="2" customFormat="1" ht="30" customHeight="1" x14ac:dyDescent="0.2">
      <c r="A139" s="179"/>
      <c r="B139" s="126" t="s">
        <v>58</v>
      </c>
      <c r="C139" s="75" t="s">
        <v>8</v>
      </c>
      <c r="D139" s="127" t="s">
        <v>15</v>
      </c>
      <c r="E139" s="128"/>
      <c r="F139" s="175"/>
      <c r="G139" s="175"/>
    </row>
    <row r="140" spans="1:7" s="2" customFormat="1" ht="30" customHeight="1" x14ac:dyDescent="0.2">
      <c r="A140" s="179"/>
      <c r="B140" s="45" t="s">
        <v>255</v>
      </c>
      <c r="C140" s="75" t="s">
        <v>8</v>
      </c>
      <c r="D140" s="127" t="s">
        <v>15</v>
      </c>
      <c r="E140" s="48"/>
      <c r="F140" s="175"/>
      <c r="G140" s="175"/>
    </row>
    <row r="141" spans="1:7" s="2" customFormat="1" ht="42.9" customHeight="1" x14ac:dyDescent="0.2">
      <c r="A141" s="179"/>
      <c r="B141" s="45" t="s">
        <v>256</v>
      </c>
      <c r="C141" s="75" t="s">
        <v>8</v>
      </c>
      <c r="D141" s="127" t="s">
        <v>15</v>
      </c>
      <c r="E141" s="48"/>
      <c r="F141" s="175"/>
      <c r="G141" s="175"/>
    </row>
    <row r="142" spans="1:7" s="2" customFormat="1" ht="20.100000000000001" customHeight="1" x14ac:dyDescent="0.2">
      <c r="A142" s="179"/>
      <c r="B142" s="45" t="s">
        <v>257</v>
      </c>
      <c r="C142" s="46"/>
      <c r="D142" s="47"/>
      <c r="E142" s="48"/>
      <c r="F142" s="175"/>
      <c r="G142" s="175"/>
    </row>
    <row r="143" spans="1:7" s="2" customFormat="1" ht="30" customHeight="1" x14ac:dyDescent="0.2">
      <c r="A143" s="179"/>
      <c r="B143" s="45" t="s">
        <v>258</v>
      </c>
      <c r="C143" s="75" t="s">
        <v>8</v>
      </c>
      <c r="D143" s="127" t="s">
        <v>7</v>
      </c>
      <c r="E143" s="48"/>
      <c r="F143" s="175"/>
      <c r="G143" s="175"/>
    </row>
    <row r="144" spans="1:7" s="2" customFormat="1" ht="30" customHeight="1" x14ac:dyDescent="0.2">
      <c r="A144" s="179"/>
      <c r="B144" s="45" t="s">
        <v>259</v>
      </c>
      <c r="C144" s="75" t="s">
        <v>8</v>
      </c>
      <c r="D144" s="127" t="s">
        <v>7</v>
      </c>
      <c r="E144" s="48"/>
      <c r="F144" s="175"/>
      <c r="G144" s="175"/>
    </row>
    <row r="145" spans="1:7" s="2" customFormat="1" ht="30" customHeight="1" x14ac:dyDescent="0.2">
      <c r="A145" s="179"/>
      <c r="B145" s="45" t="s">
        <v>260</v>
      </c>
      <c r="C145" s="75" t="s">
        <v>8</v>
      </c>
      <c r="D145" s="127" t="s">
        <v>7</v>
      </c>
      <c r="E145" s="48"/>
      <c r="F145" s="175"/>
      <c r="G145" s="175"/>
    </row>
    <row r="146" spans="1:7" s="2" customFormat="1" ht="30" customHeight="1" x14ac:dyDescent="0.2">
      <c r="A146" s="183"/>
      <c r="B146" s="65" t="s">
        <v>261</v>
      </c>
      <c r="C146" s="66" t="s">
        <v>8</v>
      </c>
      <c r="D146" s="67" t="s">
        <v>7</v>
      </c>
      <c r="E146" s="68"/>
      <c r="F146" s="175"/>
      <c r="G146" s="175"/>
    </row>
    <row r="147" spans="1:7" s="2" customFormat="1" ht="20.100000000000001" customHeight="1" x14ac:dyDescent="0.2">
      <c r="A147" s="182" t="s">
        <v>254</v>
      </c>
      <c r="B147" s="41" t="s">
        <v>279</v>
      </c>
      <c r="C147" s="42" t="s">
        <v>8</v>
      </c>
      <c r="D147" s="43" t="s">
        <v>15</v>
      </c>
      <c r="E147" s="21"/>
      <c r="F147" s="175"/>
      <c r="G147" s="175"/>
    </row>
    <row r="148" spans="1:7" s="2" customFormat="1" ht="33.9" customHeight="1" x14ac:dyDescent="0.2">
      <c r="A148" s="179"/>
      <c r="B148" s="45" t="s">
        <v>57</v>
      </c>
      <c r="C148" s="46" t="s">
        <v>8</v>
      </c>
      <c r="D148" s="47" t="s">
        <v>15</v>
      </c>
      <c r="E148" s="22"/>
      <c r="F148" s="175"/>
      <c r="G148" s="175"/>
    </row>
    <row r="149" spans="1:7" s="2" customFormat="1" ht="33.9" customHeight="1" x14ac:dyDescent="0.2">
      <c r="A149" s="179"/>
      <c r="B149" s="126" t="s">
        <v>58</v>
      </c>
      <c r="C149" s="75" t="s">
        <v>8</v>
      </c>
      <c r="D149" s="127" t="s">
        <v>15</v>
      </c>
      <c r="E149" s="128"/>
      <c r="F149" s="175"/>
      <c r="G149" s="175"/>
    </row>
    <row r="150" spans="1:7" s="4" customFormat="1" ht="60" customHeight="1" x14ac:dyDescent="0.2">
      <c r="A150" s="182" t="s">
        <v>107</v>
      </c>
      <c r="B150" s="55" t="s">
        <v>262</v>
      </c>
      <c r="C150" s="25" t="s">
        <v>100</v>
      </c>
      <c r="D150" s="156" t="s">
        <v>105</v>
      </c>
      <c r="E150" s="27"/>
      <c r="F150" s="110"/>
      <c r="G150" s="110"/>
    </row>
    <row r="151" spans="1:7" s="4" customFormat="1" ht="50.1" customHeight="1" x14ac:dyDescent="0.2">
      <c r="A151" s="179"/>
      <c r="B151" s="45" t="s">
        <v>263</v>
      </c>
      <c r="C151" s="46" t="s">
        <v>8</v>
      </c>
      <c r="D151" s="47" t="s">
        <v>105</v>
      </c>
      <c r="E151" s="48" t="s">
        <v>264</v>
      </c>
      <c r="F151" s="110"/>
      <c r="G151" s="110"/>
    </row>
    <row r="152" spans="1:7" s="4" customFormat="1" ht="50.1" customHeight="1" x14ac:dyDescent="0.2">
      <c r="A152" s="179"/>
      <c r="B152" s="45" t="s">
        <v>288</v>
      </c>
      <c r="C152" s="46" t="s">
        <v>8</v>
      </c>
      <c r="D152" s="47" t="s">
        <v>105</v>
      </c>
      <c r="E152" s="48"/>
      <c r="F152" s="110"/>
      <c r="G152" s="110"/>
    </row>
    <row r="153" spans="1:7" s="4" customFormat="1" ht="50.1" customHeight="1" x14ac:dyDescent="0.2">
      <c r="A153" s="179"/>
      <c r="B153" s="45" t="s">
        <v>266</v>
      </c>
      <c r="C153" s="46" t="s">
        <v>8</v>
      </c>
      <c r="D153" s="47" t="s">
        <v>105</v>
      </c>
      <c r="E153" s="48"/>
      <c r="F153" s="110"/>
      <c r="G153" s="110"/>
    </row>
    <row r="154" spans="1:7" s="4" customFormat="1" ht="33.9" customHeight="1" x14ac:dyDescent="0.2">
      <c r="A154" s="179"/>
      <c r="B154" s="45" t="s">
        <v>265</v>
      </c>
      <c r="C154" s="46" t="s">
        <v>8</v>
      </c>
      <c r="D154" s="47" t="s">
        <v>105</v>
      </c>
      <c r="E154" s="48"/>
      <c r="F154" s="110"/>
      <c r="G154" s="110"/>
    </row>
    <row r="155" spans="1:7" s="4" customFormat="1" ht="20.100000000000001" customHeight="1" x14ac:dyDescent="0.2">
      <c r="A155" s="183"/>
      <c r="B155" s="62" t="s">
        <v>122</v>
      </c>
      <c r="C155" s="46" t="s">
        <v>100</v>
      </c>
      <c r="D155" s="47" t="s">
        <v>7</v>
      </c>
      <c r="E155" s="48"/>
      <c r="F155" s="110"/>
      <c r="G155" s="110"/>
    </row>
    <row r="156" spans="1:7" s="4" customFormat="1" ht="60" customHeight="1" x14ac:dyDescent="0.2">
      <c r="A156" s="182" t="s">
        <v>108</v>
      </c>
      <c r="B156" s="65" t="s">
        <v>262</v>
      </c>
      <c r="C156" s="66" t="s">
        <v>100</v>
      </c>
      <c r="D156" s="157" t="s">
        <v>105</v>
      </c>
      <c r="E156" s="109"/>
      <c r="F156" s="110"/>
      <c r="G156" s="110"/>
    </row>
    <row r="157" spans="1:7" s="4" customFormat="1" ht="50.1" customHeight="1" x14ac:dyDescent="0.2">
      <c r="A157" s="179"/>
      <c r="B157" s="45" t="s">
        <v>263</v>
      </c>
      <c r="C157" s="46" t="s">
        <v>8</v>
      </c>
      <c r="D157" s="47" t="s">
        <v>105</v>
      </c>
      <c r="E157" s="48" t="s">
        <v>264</v>
      </c>
      <c r="F157" s="110"/>
      <c r="G157" s="110"/>
    </row>
    <row r="158" spans="1:7" s="4" customFormat="1" ht="50.1" customHeight="1" x14ac:dyDescent="0.2">
      <c r="A158" s="179"/>
      <c r="B158" s="45" t="s">
        <v>288</v>
      </c>
      <c r="C158" s="46" t="s">
        <v>8</v>
      </c>
      <c r="D158" s="47" t="s">
        <v>105</v>
      </c>
      <c r="E158" s="48"/>
      <c r="F158" s="110"/>
      <c r="G158" s="110"/>
    </row>
    <row r="159" spans="1:7" s="4" customFormat="1" ht="50.1" customHeight="1" x14ac:dyDescent="0.2">
      <c r="A159" s="179"/>
      <c r="B159" s="45" t="s">
        <v>266</v>
      </c>
      <c r="C159" s="46" t="s">
        <v>8</v>
      </c>
      <c r="D159" s="47" t="s">
        <v>105</v>
      </c>
      <c r="E159" s="48"/>
      <c r="F159" s="110"/>
      <c r="G159" s="110"/>
    </row>
    <row r="160" spans="1:7" s="4" customFormat="1" ht="33.9" customHeight="1" x14ac:dyDescent="0.2">
      <c r="A160" s="179"/>
      <c r="B160" s="45" t="s">
        <v>265</v>
      </c>
      <c r="C160" s="46" t="s">
        <v>8</v>
      </c>
      <c r="D160" s="47" t="s">
        <v>105</v>
      </c>
      <c r="E160" s="48"/>
      <c r="F160" s="110"/>
      <c r="G160" s="110"/>
    </row>
    <row r="161" spans="1:7" s="4" customFormat="1" ht="50.1" customHeight="1" x14ac:dyDescent="0.2">
      <c r="A161" s="179"/>
      <c r="B161" s="45" t="s">
        <v>267</v>
      </c>
      <c r="C161" s="46" t="s">
        <v>8</v>
      </c>
      <c r="D161" s="47" t="s">
        <v>7</v>
      </c>
      <c r="E161" s="48"/>
      <c r="F161" s="110"/>
      <c r="G161" s="110"/>
    </row>
    <row r="162" spans="1:7" s="4" customFormat="1" ht="50.1" customHeight="1" x14ac:dyDescent="0.2">
      <c r="A162" s="182" t="s">
        <v>111</v>
      </c>
      <c r="B162" s="55" t="s">
        <v>268</v>
      </c>
      <c r="C162" s="42" t="s">
        <v>8</v>
      </c>
      <c r="D162" s="26" t="s">
        <v>105</v>
      </c>
      <c r="E162" s="105"/>
      <c r="F162" s="110"/>
      <c r="G162" s="110"/>
    </row>
    <row r="163" spans="1:7" s="4" customFormat="1" ht="20.100000000000001" customHeight="1" x14ac:dyDescent="0.2">
      <c r="A163" s="179"/>
      <c r="B163" s="129" t="s">
        <v>114</v>
      </c>
      <c r="C163" s="66" t="s">
        <v>8</v>
      </c>
      <c r="D163" s="60" t="s">
        <v>105</v>
      </c>
      <c r="E163" s="68"/>
      <c r="F163" s="110"/>
      <c r="G163" s="110"/>
    </row>
    <row r="164" spans="1:7" s="4" customFormat="1" ht="20.100000000000001" customHeight="1" x14ac:dyDescent="0.2">
      <c r="A164" s="179"/>
      <c r="B164" s="129" t="s">
        <v>112</v>
      </c>
      <c r="C164" s="75" t="s">
        <v>8</v>
      </c>
      <c r="D164" s="67" t="s">
        <v>113</v>
      </c>
      <c r="E164" s="86" t="s">
        <v>121</v>
      </c>
      <c r="F164" s="110"/>
      <c r="G164" s="110"/>
    </row>
    <row r="165" spans="1:7" s="4" customFormat="1" ht="20.100000000000001" customHeight="1" x14ac:dyDescent="0.2">
      <c r="A165" s="183"/>
      <c r="B165" s="64" t="s">
        <v>119</v>
      </c>
      <c r="C165" s="50" t="s">
        <v>100</v>
      </c>
      <c r="D165" s="130" t="s">
        <v>7</v>
      </c>
      <c r="E165" s="131"/>
      <c r="F165" s="110"/>
      <c r="G165" s="110"/>
    </row>
    <row r="166" spans="1:7" s="4" customFormat="1" ht="50.1" customHeight="1" x14ac:dyDescent="0.2">
      <c r="A166" s="182" t="s">
        <v>110</v>
      </c>
      <c r="B166" s="55" t="s">
        <v>268</v>
      </c>
      <c r="C166" s="42" t="s">
        <v>8</v>
      </c>
      <c r="D166" s="26" t="s">
        <v>105</v>
      </c>
      <c r="E166" s="105"/>
      <c r="F166" s="110"/>
      <c r="G166" s="110"/>
    </row>
    <row r="167" spans="1:7" s="4" customFormat="1" ht="19.95" customHeight="1" x14ac:dyDescent="0.2">
      <c r="A167" s="179"/>
      <c r="B167" s="129" t="s">
        <v>114</v>
      </c>
      <c r="C167" s="66" t="s">
        <v>8</v>
      </c>
      <c r="D167" s="60" t="s">
        <v>105</v>
      </c>
      <c r="E167" s="68"/>
      <c r="F167" s="110"/>
      <c r="G167" s="110"/>
    </row>
    <row r="168" spans="1:7" s="4" customFormat="1" ht="19.95" customHeight="1" x14ac:dyDescent="0.2">
      <c r="A168" s="179"/>
      <c r="B168" s="129" t="s">
        <v>112</v>
      </c>
      <c r="C168" s="75" t="s">
        <v>8</v>
      </c>
      <c r="D168" s="67" t="s">
        <v>113</v>
      </c>
      <c r="E168" s="86" t="s">
        <v>121</v>
      </c>
      <c r="F168" s="110"/>
      <c r="G168" s="110"/>
    </row>
    <row r="169" spans="1:7" s="4" customFormat="1" ht="33.9" customHeight="1" x14ac:dyDescent="0.2">
      <c r="A169" s="179"/>
      <c r="B169" s="129" t="s">
        <v>269</v>
      </c>
      <c r="C169" s="184" t="s">
        <v>8</v>
      </c>
      <c r="D169" s="191" t="s">
        <v>116</v>
      </c>
      <c r="E169" s="68"/>
      <c r="F169" s="110"/>
      <c r="G169" s="110"/>
    </row>
    <row r="170" spans="1:7" s="4" customFormat="1" ht="50.1" customHeight="1" x14ac:dyDescent="0.2">
      <c r="A170" s="179"/>
      <c r="B170" s="87" t="s">
        <v>270</v>
      </c>
      <c r="C170" s="185"/>
      <c r="D170" s="192"/>
      <c r="E170" s="68"/>
      <c r="F170" s="110"/>
      <c r="G170" s="110"/>
    </row>
    <row r="171" spans="1:7" s="4" customFormat="1" ht="50.1" customHeight="1" x14ac:dyDescent="0.2">
      <c r="A171" s="183"/>
      <c r="B171" s="77" t="s">
        <v>271</v>
      </c>
      <c r="C171" s="190"/>
      <c r="D171" s="193"/>
      <c r="E171" s="132"/>
      <c r="F171" s="110"/>
      <c r="G171" s="110"/>
    </row>
    <row r="172" spans="1:7" s="4" customFormat="1" ht="52.5" customHeight="1" x14ac:dyDescent="0.2">
      <c r="A172" s="194" t="s">
        <v>272</v>
      </c>
      <c r="B172" s="55" t="s">
        <v>268</v>
      </c>
      <c r="C172" s="42" t="s">
        <v>8</v>
      </c>
      <c r="D172" s="26" t="s">
        <v>105</v>
      </c>
      <c r="E172" s="105"/>
      <c r="F172" s="110"/>
      <c r="G172" s="110"/>
    </row>
    <row r="173" spans="1:7" s="4" customFormat="1" ht="19.95" customHeight="1" x14ac:dyDescent="0.2">
      <c r="A173" s="194"/>
      <c r="B173" s="129" t="s">
        <v>114</v>
      </c>
      <c r="C173" s="66" t="s">
        <v>8</v>
      </c>
      <c r="D173" s="60" t="s">
        <v>105</v>
      </c>
      <c r="E173" s="68"/>
      <c r="F173" s="110"/>
      <c r="G173" s="110"/>
    </row>
    <row r="174" spans="1:7" s="4" customFormat="1" ht="19.95" customHeight="1" x14ac:dyDescent="0.2">
      <c r="A174" s="194"/>
      <c r="B174" s="129" t="s">
        <v>112</v>
      </c>
      <c r="C174" s="75" t="s">
        <v>8</v>
      </c>
      <c r="D174" s="67" t="s">
        <v>113</v>
      </c>
      <c r="E174" s="86" t="s">
        <v>121</v>
      </c>
      <c r="F174" s="110"/>
      <c r="G174" s="110"/>
    </row>
    <row r="175" spans="1:7" s="4" customFormat="1" ht="33.9" customHeight="1" x14ac:dyDescent="0.2">
      <c r="A175" s="194"/>
      <c r="B175" s="62" t="s">
        <v>269</v>
      </c>
      <c r="C175" s="46" t="s">
        <v>8</v>
      </c>
      <c r="D175" s="47" t="s">
        <v>7</v>
      </c>
      <c r="E175" s="68"/>
      <c r="F175" s="110"/>
      <c r="G175" s="110"/>
    </row>
    <row r="176" spans="1:7" s="4" customFormat="1" ht="50.1" customHeight="1" x14ac:dyDescent="0.2">
      <c r="A176" s="195"/>
      <c r="B176" s="87" t="s">
        <v>270</v>
      </c>
      <c r="C176" s="66" t="s">
        <v>8</v>
      </c>
      <c r="D176" s="67" t="s">
        <v>7</v>
      </c>
      <c r="E176" s="68"/>
      <c r="F176" s="110"/>
      <c r="G176" s="110"/>
    </row>
    <row r="177" spans="1:7" s="4" customFormat="1" ht="50.1" customHeight="1" x14ac:dyDescent="0.2">
      <c r="A177" s="182" t="s">
        <v>115</v>
      </c>
      <c r="B177" s="55" t="s">
        <v>175</v>
      </c>
      <c r="C177" s="25" t="s">
        <v>8</v>
      </c>
      <c r="D177" s="26" t="s">
        <v>105</v>
      </c>
      <c r="E177" s="56"/>
      <c r="F177" s="110"/>
      <c r="G177" s="110"/>
    </row>
    <row r="178" spans="1:7" s="4" customFormat="1" ht="60" customHeight="1" x14ac:dyDescent="0.2">
      <c r="A178" s="183"/>
      <c r="B178" s="64" t="s">
        <v>176</v>
      </c>
      <c r="C178" s="50" t="s">
        <v>8</v>
      </c>
      <c r="D178" s="130" t="s">
        <v>105</v>
      </c>
      <c r="E178" s="86" t="s">
        <v>120</v>
      </c>
      <c r="F178" s="110"/>
      <c r="G178" s="110"/>
    </row>
    <row r="179" spans="1:7" customFormat="1" ht="50.1" customHeight="1" x14ac:dyDescent="0.2">
      <c r="A179" s="182" t="s">
        <v>217</v>
      </c>
      <c r="B179" s="34" t="s">
        <v>218</v>
      </c>
      <c r="C179" s="35" t="s">
        <v>100</v>
      </c>
      <c r="D179" s="36" t="s">
        <v>219</v>
      </c>
      <c r="E179" s="21"/>
      <c r="F179" s="110"/>
      <c r="G179" s="110"/>
    </row>
    <row r="180" spans="1:7" customFormat="1" ht="33.9" customHeight="1" x14ac:dyDescent="0.2">
      <c r="A180" s="179"/>
      <c r="B180" s="62" t="s">
        <v>220</v>
      </c>
      <c r="C180" s="35"/>
      <c r="D180" s="36"/>
      <c r="E180" s="22"/>
      <c r="F180" s="110"/>
      <c r="G180" s="110"/>
    </row>
    <row r="181" spans="1:7" customFormat="1" ht="33.9" customHeight="1" x14ac:dyDescent="0.2">
      <c r="A181" s="179"/>
      <c r="B181" s="62" t="s">
        <v>221</v>
      </c>
      <c r="C181" s="35" t="s">
        <v>100</v>
      </c>
      <c r="D181" s="36" t="s">
        <v>222</v>
      </c>
      <c r="E181" s="22"/>
      <c r="F181" s="110"/>
      <c r="G181" s="110"/>
    </row>
    <row r="182" spans="1:7" customFormat="1" ht="20.100000000000001" customHeight="1" x14ac:dyDescent="0.2">
      <c r="A182" s="179"/>
      <c r="B182" s="62" t="s">
        <v>223</v>
      </c>
      <c r="C182" s="35" t="s">
        <v>100</v>
      </c>
      <c r="D182" s="36" t="s">
        <v>222</v>
      </c>
      <c r="E182" s="22"/>
      <c r="F182" s="110"/>
      <c r="G182" s="110"/>
    </row>
    <row r="183" spans="1:7" customFormat="1" ht="20.100000000000001" customHeight="1" x14ac:dyDescent="0.2">
      <c r="A183" s="179"/>
      <c r="B183" s="62" t="s">
        <v>224</v>
      </c>
      <c r="C183" s="35" t="s">
        <v>100</v>
      </c>
      <c r="D183" s="36" t="s">
        <v>222</v>
      </c>
      <c r="E183" s="22"/>
      <c r="F183" s="110"/>
      <c r="G183" s="110"/>
    </row>
    <row r="184" spans="1:7" customFormat="1" ht="33.9" customHeight="1" x14ac:dyDescent="0.2">
      <c r="A184" s="179"/>
      <c r="B184" s="62" t="s">
        <v>225</v>
      </c>
      <c r="C184" s="35" t="s">
        <v>100</v>
      </c>
      <c r="D184" s="36" t="s">
        <v>222</v>
      </c>
      <c r="E184" s="22"/>
      <c r="F184" s="110"/>
      <c r="G184" s="110"/>
    </row>
    <row r="185" spans="1:7" customFormat="1" ht="33.9" customHeight="1" x14ac:dyDescent="0.2">
      <c r="A185" s="179"/>
      <c r="B185" s="62" t="s">
        <v>226</v>
      </c>
      <c r="C185" s="35"/>
      <c r="D185" s="36"/>
      <c r="E185" s="22"/>
      <c r="F185" s="110"/>
      <c r="G185" s="110"/>
    </row>
    <row r="186" spans="1:7" customFormat="1" ht="33.9" customHeight="1" x14ac:dyDescent="0.2">
      <c r="A186" s="179"/>
      <c r="B186" s="62" t="s">
        <v>227</v>
      </c>
      <c r="C186" s="35" t="s">
        <v>100</v>
      </c>
      <c r="D186" s="36" t="s">
        <v>228</v>
      </c>
      <c r="E186" s="22"/>
      <c r="F186" s="110"/>
      <c r="G186" s="110"/>
    </row>
    <row r="187" spans="1:7" customFormat="1" ht="33.9" customHeight="1" x14ac:dyDescent="0.2">
      <c r="A187" s="179"/>
      <c r="B187" s="62" t="s">
        <v>229</v>
      </c>
      <c r="C187" s="35" t="s">
        <v>100</v>
      </c>
      <c r="D187" s="36" t="s">
        <v>228</v>
      </c>
      <c r="E187" s="22"/>
      <c r="F187" s="110"/>
      <c r="G187" s="110"/>
    </row>
    <row r="188" spans="1:7" customFormat="1" ht="33.9" customHeight="1" x14ac:dyDescent="0.2">
      <c r="A188" s="179"/>
      <c r="B188" s="62" t="s">
        <v>230</v>
      </c>
      <c r="C188" s="35" t="s">
        <v>100</v>
      </c>
      <c r="D188" s="36" t="s">
        <v>228</v>
      </c>
      <c r="E188" s="22"/>
      <c r="F188" s="110"/>
      <c r="G188" s="110"/>
    </row>
    <row r="189" spans="1:7" customFormat="1" ht="20.100000000000001" customHeight="1" x14ac:dyDescent="0.2">
      <c r="A189" s="179"/>
      <c r="B189" s="62" t="s">
        <v>231</v>
      </c>
      <c r="C189" s="35"/>
      <c r="D189" s="36"/>
      <c r="E189" s="22"/>
      <c r="F189" s="110"/>
      <c r="G189" s="110"/>
    </row>
    <row r="190" spans="1:7" customFormat="1" ht="20.100000000000001" customHeight="1" x14ac:dyDescent="0.2">
      <c r="A190" s="179"/>
      <c r="B190" s="62" t="s">
        <v>232</v>
      </c>
      <c r="C190" s="35" t="s">
        <v>100</v>
      </c>
      <c r="D190" s="36" t="s">
        <v>233</v>
      </c>
      <c r="E190" s="22"/>
      <c r="F190" s="110"/>
      <c r="G190" s="110"/>
    </row>
    <row r="191" spans="1:7" customFormat="1" ht="33.9" customHeight="1" x14ac:dyDescent="0.2">
      <c r="A191" s="179"/>
      <c r="B191" s="62" t="s">
        <v>234</v>
      </c>
      <c r="C191" s="35" t="s">
        <v>100</v>
      </c>
      <c r="D191" s="36" t="s">
        <v>233</v>
      </c>
      <c r="E191" s="22"/>
      <c r="F191" s="110"/>
      <c r="G191" s="110"/>
    </row>
    <row r="192" spans="1:7" customFormat="1" ht="33.9" customHeight="1" x14ac:dyDescent="0.2">
      <c r="A192" s="179"/>
      <c r="B192" s="62" t="s">
        <v>235</v>
      </c>
      <c r="C192" s="35" t="s">
        <v>100</v>
      </c>
      <c r="D192" s="36" t="s">
        <v>233</v>
      </c>
      <c r="E192" s="22"/>
      <c r="F192" s="110"/>
      <c r="G192" s="110"/>
    </row>
    <row r="193" spans="1:7" customFormat="1" ht="60" customHeight="1" x14ac:dyDescent="0.2">
      <c r="A193" s="179"/>
      <c r="B193" s="129" t="s">
        <v>236</v>
      </c>
      <c r="C193" s="35" t="s">
        <v>100</v>
      </c>
      <c r="D193" s="36" t="s">
        <v>7</v>
      </c>
      <c r="E193" s="158"/>
      <c r="F193" s="110"/>
      <c r="G193" s="110"/>
    </row>
    <row r="194" spans="1:7" customFormat="1" ht="33.9" customHeight="1" x14ac:dyDescent="0.2">
      <c r="A194" s="179"/>
      <c r="B194" s="64" t="s">
        <v>237</v>
      </c>
      <c r="C194" s="148" t="s">
        <v>8</v>
      </c>
      <c r="D194" s="130" t="s">
        <v>85</v>
      </c>
      <c r="E194" s="40"/>
      <c r="F194" s="110"/>
      <c r="G194" s="110"/>
    </row>
    <row r="195" spans="1:7" customFormat="1" ht="50.1" customHeight="1" x14ac:dyDescent="0.2">
      <c r="A195" s="182" t="s">
        <v>239</v>
      </c>
      <c r="B195" s="34" t="s">
        <v>218</v>
      </c>
      <c r="C195" s="35" t="s">
        <v>100</v>
      </c>
      <c r="D195" s="36" t="s">
        <v>219</v>
      </c>
      <c r="E195" s="21"/>
      <c r="F195" s="110"/>
      <c r="G195" s="110"/>
    </row>
    <row r="196" spans="1:7" customFormat="1" ht="33.9" customHeight="1" x14ac:dyDescent="0.2">
      <c r="A196" s="179"/>
      <c r="B196" s="62" t="s">
        <v>220</v>
      </c>
      <c r="C196" s="35"/>
      <c r="D196" s="36"/>
      <c r="E196" s="22"/>
      <c r="F196" s="110"/>
      <c r="G196" s="110"/>
    </row>
    <row r="197" spans="1:7" customFormat="1" ht="33.9" customHeight="1" x14ac:dyDescent="0.2">
      <c r="A197" s="179"/>
      <c r="B197" s="62" t="s">
        <v>221</v>
      </c>
      <c r="C197" s="35" t="s">
        <v>100</v>
      </c>
      <c r="D197" s="36" t="s">
        <v>105</v>
      </c>
      <c r="E197" s="22"/>
      <c r="F197" s="110"/>
      <c r="G197" s="110"/>
    </row>
    <row r="198" spans="1:7" customFormat="1" ht="20.100000000000001" customHeight="1" x14ac:dyDescent="0.2">
      <c r="A198" s="179"/>
      <c r="B198" s="62" t="s">
        <v>223</v>
      </c>
      <c r="C198" s="35" t="s">
        <v>100</v>
      </c>
      <c r="D198" s="36" t="s">
        <v>105</v>
      </c>
      <c r="E198" s="22"/>
      <c r="F198" s="110"/>
      <c r="G198" s="110"/>
    </row>
    <row r="199" spans="1:7" customFormat="1" ht="20.100000000000001" customHeight="1" x14ac:dyDescent="0.2">
      <c r="A199" s="179"/>
      <c r="B199" s="62" t="s">
        <v>224</v>
      </c>
      <c r="C199" s="35" t="s">
        <v>100</v>
      </c>
      <c r="D199" s="36" t="s">
        <v>105</v>
      </c>
      <c r="E199" s="22"/>
      <c r="F199" s="110"/>
      <c r="G199" s="110"/>
    </row>
    <row r="200" spans="1:7" customFormat="1" ht="33.9" customHeight="1" x14ac:dyDescent="0.2">
      <c r="A200" s="179"/>
      <c r="B200" s="62" t="s">
        <v>225</v>
      </c>
      <c r="C200" s="35" t="s">
        <v>100</v>
      </c>
      <c r="D200" s="36" t="s">
        <v>105</v>
      </c>
      <c r="E200" s="22"/>
      <c r="F200" s="110"/>
      <c r="G200" s="110"/>
    </row>
    <row r="201" spans="1:7" customFormat="1" ht="20.100000000000001" customHeight="1" x14ac:dyDescent="0.2">
      <c r="A201" s="179"/>
      <c r="B201" s="129" t="s">
        <v>238</v>
      </c>
      <c r="C201" s="84"/>
      <c r="D201" s="159"/>
      <c r="E201" s="158"/>
      <c r="F201" s="110"/>
      <c r="G201" s="110"/>
    </row>
    <row r="202" spans="1:7" customFormat="1" ht="20.100000000000001" customHeight="1" x14ac:dyDescent="0.2">
      <c r="A202" s="179"/>
      <c r="B202" s="129" t="s">
        <v>232</v>
      </c>
      <c r="C202" s="84" t="s">
        <v>100</v>
      </c>
      <c r="D202" s="159" t="s">
        <v>233</v>
      </c>
      <c r="E202" s="158"/>
      <c r="F202" s="110"/>
      <c r="G202" s="110"/>
    </row>
    <row r="203" spans="1:7" customFormat="1" ht="26.4" x14ac:dyDescent="0.2">
      <c r="A203" s="179"/>
      <c r="B203" s="129" t="s">
        <v>234</v>
      </c>
      <c r="C203" s="84" t="s">
        <v>100</v>
      </c>
      <c r="D203" s="159" t="s">
        <v>233</v>
      </c>
      <c r="E203" s="158"/>
      <c r="F203" s="110"/>
      <c r="G203" s="110"/>
    </row>
    <row r="204" spans="1:7" customFormat="1" ht="33.9" customHeight="1" x14ac:dyDescent="0.2">
      <c r="A204" s="179"/>
      <c r="B204" s="129" t="s">
        <v>235</v>
      </c>
      <c r="C204" s="75" t="s">
        <v>100</v>
      </c>
      <c r="D204" s="127" t="s">
        <v>233</v>
      </c>
      <c r="E204" s="158"/>
      <c r="F204" s="110"/>
      <c r="G204" s="110"/>
    </row>
    <row r="205" spans="1:7" customFormat="1" ht="33.9" customHeight="1" x14ac:dyDescent="0.2">
      <c r="A205" s="183"/>
      <c r="B205" s="64" t="s">
        <v>237</v>
      </c>
      <c r="C205" s="148" t="s">
        <v>8</v>
      </c>
      <c r="D205" s="130" t="s">
        <v>85</v>
      </c>
      <c r="E205" s="40"/>
      <c r="F205" s="110"/>
      <c r="G205" s="110"/>
    </row>
    <row r="206" spans="1:7" s="14" customFormat="1" ht="33.9" customHeight="1" x14ac:dyDescent="0.2">
      <c r="A206" s="182" t="s">
        <v>131</v>
      </c>
      <c r="B206" s="57" t="s">
        <v>11</v>
      </c>
      <c r="C206" s="42" t="s">
        <v>8</v>
      </c>
      <c r="D206" s="44" t="s">
        <v>7</v>
      </c>
      <c r="E206" s="133"/>
      <c r="F206" s="172"/>
      <c r="G206" s="172"/>
    </row>
    <row r="207" spans="1:7" s="14" customFormat="1" ht="33.9" customHeight="1" x14ac:dyDescent="0.2">
      <c r="A207" s="179"/>
      <c r="B207" s="62" t="s">
        <v>12</v>
      </c>
      <c r="C207" s="46" t="s">
        <v>8</v>
      </c>
      <c r="D207" s="48" t="s">
        <v>7</v>
      </c>
      <c r="E207" s="134"/>
      <c r="F207" s="172"/>
      <c r="G207" s="172"/>
    </row>
    <row r="208" spans="1:7" s="14" customFormat="1" ht="33.9" customHeight="1" x14ac:dyDescent="0.2">
      <c r="A208" s="179"/>
      <c r="B208" s="62" t="s">
        <v>169</v>
      </c>
      <c r="C208" s="184" t="s">
        <v>8</v>
      </c>
      <c r="D208" s="187" t="s">
        <v>116</v>
      </c>
      <c r="E208" s="135"/>
      <c r="F208" s="172"/>
      <c r="G208" s="172"/>
    </row>
    <row r="209" spans="1:7" s="14" customFormat="1" ht="50.1" customHeight="1" x14ac:dyDescent="0.2">
      <c r="A209" s="179"/>
      <c r="B209" s="62" t="s">
        <v>163</v>
      </c>
      <c r="C209" s="186"/>
      <c r="D209" s="189"/>
      <c r="E209" s="136"/>
      <c r="F209" s="172"/>
      <c r="G209" s="172"/>
    </row>
    <row r="210" spans="1:7" s="14" customFormat="1" ht="20.100000000000001" customHeight="1" x14ac:dyDescent="0.2">
      <c r="A210" s="179"/>
      <c r="B210" s="62" t="s">
        <v>13</v>
      </c>
      <c r="C210" s="46" t="s">
        <v>8</v>
      </c>
      <c r="D210" s="48" t="s">
        <v>7</v>
      </c>
      <c r="E210" s="134"/>
      <c r="F210" s="172"/>
      <c r="G210" s="172"/>
    </row>
    <row r="211" spans="1:7" s="14" customFormat="1" ht="33.9" customHeight="1" x14ac:dyDescent="0.2">
      <c r="A211" s="183"/>
      <c r="B211" s="64" t="s">
        <v>132</v>
      </c>
      <c r="C211" s="50" t="s">
        <v>8</v>
      </c>
      <c r="D211" s="52" t="s">
        <v>7</v>
      </c>
      <c r="E211" s="137"/>
      <c r="F211" s="172"/>
      <c r="G211" s="172"/>
    </row>
    <row r="212" spans="1:7" s="14" customFormat="1" ht="33.9" customHeight="1" x14ac:dyDescent="0.2">
      <c r="A212" s="182" t="s">
        <v>10</v>
      </c>
      <c r="B212" s="57" t="s">
        <v>11</v>
      </c>
      <c r="C212" s="42" t="s">
        <v>8</v>
      </c>
      <c r="D212" s="44" t="s">
        <v>7</v>
      </c>
      <c r="E212" s="133"/>
      <c r="F212" s="172"/>
      <c r="G212" s="172"/>
    </row>
    <row r="213" spans="1:7" s="14" customFormat="1" ht="33.9" customHeight="1" x14ac:dyDescent="0.2">
      <c r="A213" s="179"/>
      <c r="B213" s="62" t="s">
        <v>12</v>
      </c>
      <c r="C213" s="46" t="s">
        <v>8</v>
      </c>
      <c r="D213" s="48" t="s">
        <v>7</v>
      </c>
      <c r="E213" s="134"/>
      <c r="F213" s="172"/>
      <c r="G213" s="172"/>
    </row>
    <row r="214" spans="1:7" s="14" customFormat="1" ht="33.9" customHeight="1" x14ac:dyDescent="0.2">
      <c r="A214" s="179"/>
      <c r="B214" s="62" t="s">
        <v>164</v>
      </c>
      <c r="C214" s="46" t="s">
        <v>8</v>
      </c>
      <c r="D214" s="48" t="s">
        <v>7</v>
      </c>
      <c r="E214" s="134"/>
      <c r="F214" s="172"/>
      <c r="G214" s="172"/>
    </row>
    <row r="215" spans="1:7" s="14" customFormat="1" ht="20.100000000000001" customHeight="1" x14ac:dyDescent="0.2">
      <c r="A215" s="179"/>
      <c r="B215" s="62" t="s">
        <v>13</v>
      </c>
      <c r="C215" s="46" t="s">
        <v>8</v>
      </c>
      <c r="D215" s="48" t="s">
        <v>7</v>
      </c>
      <c r="E215" s="134"/>
      <c r="F215" s="172"/>
      <c r="G215" s="172"/>
    </row>
    <row r="216" spans="1:7" s="14" customFormat="1" ht="33.9" customHeight="1" x14ac:dyDescent="0.2">
      <c r="A216" s="183"/>
      <c r="B216" s="64" t="s">
        <v>165</v>
      </c>
      <c r="C216" s="50" t="s">
        <v>8</v>
      </c>
      <c r="D216" s="52" t="s">
        <v>7</v>
      </c>
      <c r="E216" s="137"/>
      <c r="F216" s="172"/>
      <c r="G216" s="172"/>
    </row>
    <row r="217" spans="1:7" s="14" customFormat="1" ht="33.9" customHeight="1" x14ac:dyDescent="0.2">
      <c r="A217" s="182" t="s">
        <v>14</v>
      </c>
      <c r="B217" s="57" t="s">
        <v>11</v>
      </c>
      <c r="C217" s="42" t="s">
        <v>8</v>
      </c>
      <c r="D217" s="44" t="s">
        <v>7</v>
      </c>
      <c r="E217" s="133"/>
      <c r="F217" s="172"/>
      <c r="G217" s="172"/>
    </row>
    <row r="218" spans="1:7" s="14" customFormat="1" ht="33.9" customHeight="1" x14ac:dyDescent="0.2">
      <c r="A218" s="179"/>
      <c r="B218" s="62" t="s">
        <v>12</v>
      </c>
      <c r="C218" s="46" t="s">
        <v>8</v>
      </c>
      <c r="D218" s="48" t="s">
        <v>7</v>
      </c>
      <c r="E218" s="134"/>
      <c r="F218" s="172"/>
      <c r="G218" s="172"/>
    </row>
    <row r="219" spans="1:7" s="14" customFormat="1" ht="20.100000000000001" customHeight="1" x14ac:dyDescent="0.2">
      <c r="A219" s="179"/>
      <c r="B219" s="62" t="s">
        <v>166</v>
      </c>
      <c r="C219" s="184" t="s">
        <v>8</v>
      </c>
      <c r="D219" s="187" t="s">
        <v>116</v>
      </c>
      <c r="E219" s="135"/>
      <c r="F219" s="172"/>
      <c r="G219" s="172"/>
    </row>
    <row r="220" spans="1:7" s="14" customFormat="1" ht="20.100000000000001" customHeight="1" x14ac:dyDescent="0.2">
      <c r="A220" s="179"/>
      <c r="B220" s="62" t="s">
        <v>167</v>
      </c>
      <c r="C220" s="185"/>
      <c r="D220" s="188"/>
      <c r="E220" s="138"/>
      <c r="F220" s="172"/>
      <c r="G220" s="172"/>
    </row>
    <row r="221" spans="1:7" s="14" customFormat="1" ht="33.9" customHeight="1" x14ac:dyDescent="0.2">
      <c r="A221" s="179"/>
      <c r="B221" s="62" t="s">
        <v>168</v>
      </c>
      <c r="C221" s="186"/>
      <c r="D221" s="189"/>
      <c r="E221" s="136"/>
      <c r="F221" s="172"/>
      <c r="G221" s="172"/>
    </row>
    <row r="222" spans="1:7" s="14" customFormat="1" ht="20.100000000000001" customHeight="1" x14ac:dyDescent="0.2">
      <c r="A222" s="179"/>
      <c r="B222" s="62" t="s">
        <v>13</v>
      </c>
      <c r="C222" s="46" t="s">
        <v>8</v>
      </c>
      <c r="D222" s="48" t="s">
        <v>7</v>
      </c>
      <c r="E222" s="22" t="s">
        <v>75</v>
      </c>
      <c r="F222" s="172"/>
      <c r="G222" s="172"/>
    </row>
    <row r="223" spans="1:7" s="14" customFormat="1" ht="33.9" customHeight="1" x14ac:dyDescent="0.2">
      <c r="A223" s="183"/>
      <c r="B223" s="64" t="s">
        <v>132</v>
      </c>
      <c r="C223" s="50" t="s">
        <v>8</v>
      </c>
      <c r="D223" s="52" t="s">
        <v>7</v>
      </c>
      <c r="E223" s="40" t="s">
        <v>75</v>
      </c>
      <c r="F223" s="172"/>
      <c r="G223" s="172"/>
    </row>
    <row r="224" spans="1:7" s="15" customFormat="1" ht="20.100000000000001" customHeight="1" x14ac:dyDescent="0.2">
      <c r="A224" s="180" t="s">
        <v>297</v>
      </c>
      <c r="B224" s="160" t="s">
        <v>38</v>
      </c>
      <c r="C224" s="161" t="s">
        <v>100</v>
      </c>
      <c r="D224" s="162" t="s">
        <v>170</v>
      </c>
      <c r="E224" s="153" t="s">
        <v>182</v>
      </c>
      <c r="F224" s="172"/>
      <c r="G224" s="172"/>
    </row>
    <row r="225" spans="1:7" s="15" customFormat="1" ht="20.100000000000001" customHeight="1" x14ac:dyDescent="0.2">
      <c r="A225" s="181"/>
      <c r="B225" s="163" t="s">
        <v>178</v>
      </c>
      <c r="C225" s="164" t="s">
        <v>100</v>
      </c>
      <c r="D225" s="165" t="s">
        <v>170</v>
      </c>
      <c r="E225" s="153" t="s">
        <v>182</v>
      </c>
      <c r="F225" s="172"/>
      <c r="G225" s="172"/>
    </row>
    <row r="226" spans="1:7" s="15" customFormat="1" ht="20.100000000000001" customHeight="1" x14ac:dyDescent="0.2">
      <c r="A226" s="181"/>
      <c r="B226" s="163" t="s">
        <v>39</v>
      </c>
      <c r="C226" s="164" t="s">
        <v>100</v>
      </c>
      <c r="D226" s="165" t="s">
        <v>170</v>
      </c>
      <c r="E226" s="22"/>
      <c r="F226" s="172"/>
      <c r="G226" s="172"/>
    </row>
    <row r="227" spans="1:7" s="15" customFormat="1" ht="20.100000000000001" customHeight="1" x14ac:dyDescent="0.2">
      <c r="A227" s="181"/>
      <c r="B227" s="163" t="s">
        <v>40</v>
      </c>
      <c r="C227" s="164" t="s">
        <v>100</v>
      </c>
      <c r="D227" s="165" t="s">
        <v>170</v>
      </c>
      <c r="E227" s="22" t="s">
        <v>298</v>
      </c>
      <c r="F227" s="172"/>
      <c r="G227" s="172"/>
    </row>
    <row r="228" spans="1:7" s="15" customFormat="1" ht="20.100000000000001" customHeight="1" x14ac:dyDescent="0.2">
      <c r="A228" s="181"/>
      <c r="B228" s="163" t="s">
        <v>179</v>
      </c>
      <c r="C228" s="164" t="s">
        <v>100</v>
      </c>
      <c r="D228" s="165" t="s">
        <v>180</v>
      </c>
      <c r="E228" s="22"/>
      <c r="F228" s="172"/>
      <c r="G228" s="172"/>
    </row>
    <row r="229" spans="1:7" s="15" customFormat="1" ht="20.100000000000001" customHeight="1" x14ac:dyDescent="0.2">
      <c r="A229" s="181"/>
      <c r="B229" s="166" t="s">
        <v>41</v>
      </c>
      <c r="C229" s="167" t="s">
        <v>100</v>
      </c>
      <c r="D229" s="168" t="s">
        <v>42</v>
      </c>
      <c r="E229" s="158"/>
      <c r="F229" s="172"/>
      <c r="G229" s="172"/>
    </row>
    <row r="230" spans="1:7" s="15" customFormat="1" ht="52.8" x14ac:dyDescent="0.2">
      <c r="A230" s="178" t="s">
        <v>299</v>
      </c>
      <c r="B230" s="34" t="s">
        <v>183</v>
      </c>
      <c r="C230" s="164" t="s">
        <v>100</v>
      </c>
      <c r="D230" s="165" t="s">
        <v>170</v>
      </c>
      <c r="E230" s="22" t="s">
        <v>184</v>
      </c>
      <c r="F230" s="172"/>
      <c r="G230" s="172"/>
    </row>
    <row r="231" spans="1:7" s="15" customFormat="1" ht="52.8" x14ac:dyDescent="0.2">
      <c r="A231" s="179"/>
      <c r="B231" s="34" t="s">
        <v>185</v>
      </c>
      <c r="C231" s="164" t="s">
        <v>100</v>
      </c>
      <c r="D231" s="165" t="s">
        <v>170</v>
      </c>
      <c r="E231" s="22" t="s">
        <v>181</v>
      </c>
      <c r="F231" s="172"/>
      <c r="G231" s="172"/>
    </row>
    <row r="232" spans="1:7" s="15" customFormat="1" ht="52.8" x14ac:dyDescent="0.2">
      <c r="A232" s="179"/>
      <c r="B232" s="34" t="s">
        <v>186</v>
      </c>
      <c r="C232" s="164" t="s">
        <v>100</v>
      </c>
      <c r="D232" s="165" t="s">
        <v>170</v>
      </c>
      <c r="E232" s="22" t="s">
        <v>184</v>
      </c>
      <c r="F232" s="172"/>
      <c r="G232" s="172"/>
    </row>
    <row r="233" spans="1:7" s="14" customFormat="1" ht="99" customHeight="1" x14ac:dyDescent="0.2">
      <c r="A233" s="179"/>
      <c r="B233" s="62" t="s">
        <v>187</v>
      </c>
      <c r="C233" s="35" t="s">
        <v>100</v>
      </c>
      <c r="D233" s="170" t="s">
        <v>170</v>
      </c>
      <c r="E233" s="76"/>
      <c r="F233" s="172"/>
      <c r="G233" s="172"/>
    </row>
    <row r="234" spans="1:7" s="15" customFormat="1" ht="52.8" x14ac:dyDescent="0.2">
      <c r="A234" s="179"/>
      <c r="B234" s="62" t="s">
        <v>294</v>
      </c>
      <c r="C234" s="35" t="s">
        <v>100</v>
      </c>
      <c r="D234" s="170" t="s">
        <v>170</v>
      </c>
      <c r="E234" s="76"/>
      <c r="F234" s="172"/>
      <c r="G234" s="176"/>
    </row>
    <row r="235" spans="1:7" s="15" customFormat="1" ht="52.8" x14ac:dyDescent="0.2">
      <c r="A235" s="179"/>
      <c r="B235" s="171" t="s">
        <v>188</v>
      </c>
      <c r="C235" s="169" t="s">
        <v>100</v>
      </c>
      <c r="D235" s="36" t="s">
        <v>170</v>
      </c>
      <c r="E235" s="153" t="s">
        <v>182</v>
      </c>
      <c r="F235" s="172"/>
      <c r="G235" s="172"/>
    </row>
    <row r="236" spans="1:7" s="15" customFormat="1" ht="30" customHeight="1" x14ac:dyDescent="0.2">
      <c r="A236" s="179"/>
      <c r="B236" s="163" t="s">
        <v>189</v>
      </c>
      <c r="C236" s="164" t="s">
        <v>100</v>
      </c>
      <c r="D236" s="165" t="s">
        <v>170</v>
      </c>
      <c r="E236" s="22" t="s">
        <v>190</v>
      </c>
      <c r="F236" s="172"/>
      <c r="G236" s="172"/>
    </row>
    <row r="237" spans="1:7" s="15" customFormat="1" ht="30" customHeight="1" x14ac:dyDescent="0.2">
      <c r="A237" s="179"/>
      <c r="B237" s="163" t="s">
        <v>191</v>
      </c>
      <c r="C237" s="164" t="s">
        <v>100</v>
      </c>
      <c r="D237" s="165" t="s">
        <v>170</v>
      </c>
      <c r="E237" s="22"/>
      <c r="F237" s="172"/>
      <c r="G237" s="172"/>
    </row>
    <row r="238" spans="1:7" s="15" customFormat="1" ht="30" customHeight="1" x14ac:dyDescent="0.2">
      <c r="A238" s="179"/>
      <c r="B238" s="166" t="s">
        <v>192</v>
      </c>
      <c r="C238" s="167" t="s">
        <v>100</v>
      </c>
      <c r="D238" s="168" t="s">
        <v>170</v>
      </c>
      <c r="E238" s="158"/>
      <c r="F238" s="172"/>
      <c r="G238" s="172"/>
    </row>
    <row r="239" spans="1:7" s="15" customFormat="1" ht="52.8" x14ac:dyDescent="0.2">
      <c r="A239" s="178" t="s">
        <v>300</v>
      </c>
      <c r="B239" s="34" t="s">
        <v>183</v>
      </c>
      <c r="C239" s="164" t="s">
        <v>100</v>
      </c>
      <c r="D239" s="165" t="s">
        <v>170</v>
      </c>
      <c r="E239" s="22" t="s">
        <v>184</v>
      </c>
      <c r="F239" s="172"/>
      <c r="G239" s="172"/>
    </row>
    <row r="240" spans="1:7" s="15" customFormat="1" ht="52.8" x14ac:dyDescent="0.2">
      <c r="A240" s="179"/>
      <c r="B240" s="34" t="s">
        <v>185</v>
      </c>
      <c r="C240" s="164" t="s">
        <v>100</v>
      </c>
      <c r="D240" s="165" t="s">
        <v>170</v>
      </c>
      <c r="E240" s="22" t="s">
        <v>181</v>
      </c>
      <c r="F240" s="172"/>
      <c r="G240" s="172"/>
    </row>
    <row r="241" spans="1:7" s="15" customFormat="1" ht="52.8" x14ac:dyDescent="0.2">
      <c r="A241" s="179"/>
      <c r="B241" s="34" t="s">
        <v>186</v>
      </c>
      <c r="C241" s="164" t="s">
        <v>100</v>
      </c>
      <c r="D241" s="165" t="s">
        <v>170</v>
      </c>
      <c r="E241" s="22" t="s">
        <v>184</v>
      </c>
      <c r="F241" s="172"/>
      <c r="G241" s="172"/>
    </row>
    <row r="242" spans="1:7" s="15" customFormat="1" ht="79.2" x14ac:dyDescent="0.2">
      <c r="A242" s="179"/>
      <c r="B242" s="62" t="s">
        <v>187</v>
      </c>
      <c r="C242" s="35" t="s">
        <v>100</v>
      </c>
      <c r="D242" s="170" t="s">
        <v>170</v>
      </c>
      <c r="E242" s="76"/>
      <c r="F242" s="172"/>
      <c r="G242" s="172"/>
    </row>
    <row r="243" spans="1:7" s="15" customFormat="1" ht="57.6" customHeight="1" x14ac:dyDescent="0.2">
      <c r="A243" s="179"/>
      <c r="B243" s="171" t="s">
        <v>193</v>
      </c>
      <c r="C243" s="169" t="s">
        <v>100</v>
      </c>
      <c r="D243" s="36" t="s">
        <v>170</v>
      </c>
      <c r="E243" s="153" t="s">
        <v>182</v>
      </c>
      <c r="F243" s="172"/>
      <c r="G243" s="172"/>
    </row>
    <row r="244" spans="1:7" s="15" customFormat="1" ht="30" customHeight="1" x14ac:dyDescent="0.2">
      <c r="A244" s="179"/>
      <c r="B244" s="163" t="s">
        <v>194</v>
      </c>
      <c r="C244" s="164" t="s">
        <v>100</v>
      </c>
      <c r="D244" s="165" t="s">
        <v>170</v>
      </c>
      <c r="E244" s="22" t="s">
        <v>190</v>
      </c>
      <c r="F244" s="172"/>
      <c r="G244" s="172"/>
    </row>
    <row r="245" spans="1:7" s="14" customFormat="1" ht="30" customHeight="1" x14ac:dyDescent="0.2">
      <c r="A245" s="179"/>
      <c r="B245" s="163" t="s">
        <v>195</v>
      </c>
      <c r="C245" s="164" t="s">
        <v>100</v>
      </c>
      <c r="D245" s="165" t="s">
        <v>170</v>
      </c>
      <c r="E245" s="22"/>
      <c r="F245" s="172"/>
      <c r="G245" s="172"/>
    </row>
    <row r="246" spans="1:7" s="14" customFormat="1" ht="30" customHeight="1" x14ac:dyDescent="0.2">
      <c r="A246" s="179"/>
      <c r="B246" s="166" t="s">
        <v>196</v>
      </c>
      <c r="C246" s="167" t="s">
        <v>100</v>
      </c>
      <c r="D246" s="168" t="s">
        <v>170</v>
      </c>
      <c r="E246" s="158"/>
      <c r="F246" s="172"/>
      <c r="G246" s="172"/>
    </row>
    <row r="247" spans="1:7" ht="52.8" x14ac:dyDescent="0.2">
      <c r="A247" s="178" t="s">
        <v>301</v>
      </c>
      <c r="B247" s="34" t="s">
        <v>183</v>
      </c>
      <c r="C247" s="164" t="s">
        <v>100</v>
      </c>
      <c r="D247" s="165" t="s">
        <v>170</v>
      </c>
      <c r="E247" s="22" t="s">
        <v>184</v>
      </c>
      <c r="F247" s="172"/>
      <c r="G247" s="172"/>
    </row>
    <row r="248" spans="1:7" ht="52.8" x14ac:dyDescent="0.2">
      <c r="A248" s="179"/>
      <c r="B248" s="34" t="s">
        <v>185</v>
      </c>
      <c r="C248" s="164" t="s">
        <v>100</v>
      </c>
      <c r="D248" s="165" t="s">
        <v>170</v>
      </c>
      <c r="E248" s="22" t="s">
        <v>181</v>
      </c>
      <c r="F248" s="172"/>
      <c r="G248" s="172"/>
    </row>
    <row r="249" spans="1:7" ht="52.8" x14ac:dyDescent="0.2">
      <c r="A249" s="179"/>
      <c r="B249" s="34" t="s">
        <v>186</v>
      </c>
      <c r="C249" s="164" t="s">
        <v>100</v>
      </c>
      <c r="D249" s="165" t="s">
        <v>170</v>
      </c>
      <c r="E249" s="22" t="s">
        <v>184</v>
      </c>
      <c r="F249" s="172"/>
      <c r="G249" s="172"/>
    </row>
    <row r="250" spans="1:7" ht="52.8" x14ac:dyDescent="0.2">
      <c r="A250" s="179"/>
      <c r="B250" s="171" t="s">
        <v>197</v>
      </c>
      <c r="C250" s="169" t="s">
        <v>100</v>
      </c>
      <c r="D250" s="36" t="s">
        <v>170</v>
      </c>
      <c r="E250" s="153" t="s">
        <v>182</v>
      </c>
      <c r="F250" s="172"/>
      <c r="G250" s="172"/>
    </row>
    <row r="251" spans="1:7" ht="30" customHeight="1" x14ac:dyDescent="0.2">
      <c r="A251" s="179"/>
      <c r="B251" s="163" t="s">
        <v>198</v>
      </c>
      <c r="C251" s="164" t="s">
        <v>100</v>
      </c>
      <c r="D251" s="165" t="s">
        <v>170</v>
      </c>
      <c r="E251" s="22"/>
      <c r="F251" s="172"/>
      <c r="G251" s="172"/>
    </row>
    <row r="252" spans="1:7" ht="30" customHeight="1" x14ac:dyDescent="0.2">
      <c r="A252" s="179"/>
      <c r="B252" s="166" t="s">
        <v>199</v>
      </c>
      <c r="C252" s="167" t="s">
        <v>100</v>
      </c>
      <c r="D252" s="168" t="s">
        <v>170</v>
      </c>
      <c r="E252" s="158"/>
      <c r="F252" s="172"/>
      <c r="G252" s="172"/>
    </row>
    <row r="253" spans="1:7" ht="52.8" x14ac:dyDescent="0.2">
      <c r="A253" s="178" t="s">
        <v>302</v>
      </c>
      <c r="B253" s="34" t="s">
        <v>183</v>
      </c>
      <c r="C253" s="164" t="s">
        <v>100</v>
      </c>
      <c r="D253" s="165" t="s">
        <v>170</v>
      </c>
      <c r="E253" s="22" t="s">
        <v>184</v>
      </c>
      <c r="F253" s="172"/>
      <c r="G253" s="172"/>
    </row>
    <row r="254" spans="1:7" ht="52.8" x14ac:dyDescent="0.2">
      <c r="A254" s="179"/>
      <c r="B254" s="34" t="s">
        <v>185</v>
      </c>
      <c r="C254" s="164" t="s">
        <v>100</v>
      </c>
      <c r="D254" s="165" t="s">
        <v>170</v>
      </c>
      <c r="E254" s="22" t="s">
        <v>181</v>
      </c>
      <c r="F254" s="172"/>
      <c r="G254" s="172"/>
    </row>
    <row r="255" spans="1:7" ht="52.8" x14ac:dyDescent="0.2">
      <c r="A255" s="179"/>
      <c r="B255" s="171" t="s">
        <v>200</v>
      </c>
      <c r="C255" s="169" t="s">
        <v>100</v>
      </c>
      <c r="D255" s="36" t="s">
        <v>170</v>
      </c>
      <c r="E255" s="22" t="s">
        <v>184</v>
      </c>
      <c r="F255" s="172"/>
      <c r="G255" s="172"/>
    </row>
    <row r="256" spans="1:7" ht="30" customHeight="1" x14ac:dyDescent="0.2">
      <c r="A256" s="179"/>
      <c r="B256" s="163" t="s">
        <v>201</v>
      </c>
      <c r="C256" s="164" t="s">
        <v>100</v>
      </c>
      <c r="D256" s="165" t="s">
        <v>170</v>
      </c>
      <c r="E256" s="22"/>
      <c r="F256" s="172"/>
      <c r="G256" s="172"/>
    </row>
    <row r="257" spans="1:7" ht="30" customHeight="1" x14ac:dyDescent="0.2">
      <c r="A257" s="179"/>
      <c r="B257" s="166" t="s">
        <v>202</v>
      </c>
      <c r="C257" s="167" t="s">
        <v>100</v>
      </c>
      <c r="D257" s="168" t="s">
        <v>170</v>
      </c>
      <c r="E257" s="158"/>
      <c r="F257" s="172"/>
      <c r="G257" s="172"/>
    </row>
  </sheetData>
  <mergeCells count="50">
    <mergeCell ref="A21:A25"/>
    <mergeCell ref="A1:E1"/>
    <mergeCell ref="C3:D3"/>
    <mergeCell ref="A6:A9"/>
    <mergeCell ref="A10:A13"/>
    <mergeCell ref="A14:A15"/>
    <mergeCell ref="A88:A91"/>
    <mergeCell ref="A26:A28"/>
    <mergeCell ref="A29:A30"/>
    <mergeCell ref="A32:A36"/>
    <mergeCell ref="A37:A39"/>
    <mergeCell ref="A44:A47"/>
    <mergeCell ref="A48:A54"/>
    <mergeCell ref="A55:A58"/>
    <mergeCell ref="A60:A69"/>
    <mergeCell ref="A70:A76"/>
    <mergeCell ref="A77:A84"/>
    <mergeCell ref="A85:A87"/>
    <mergeCell ref="A156:A161"/>
    <mergeCell ref="A92:A95"/>
    <mergeCell ref="A96:A102"/>
    <mergeCell ref="A103:A109"/>
    <mergeCell ref="A110:A117"/>
    <mergeCell ref="A118:A120"/>
    <mergeCell ref="A121:A127"/>
    <mergeCell ref="A128:A132"/>
    <mergeCell ref="A133:A136"/>
    <mergeCell ref="A137:A146"/>
    <mergeCell ref="A147:A149"/>
    <mergeCell ref="A150:A155"/>
    <mergeCell ref="A217:A223"/>
    <mergeCell ref="C219:C221"/>
    <mergeCell ref="D219:D221"/>
    <mergeCell ref="A212:A216"/>
    <mergeCell ref="A162:A165"/>
    <mergeCell ref="A166:A171"/>
    <mergeCell ref="C169:C171"/>
    <mergeCell ref="D169:D171"/>
    <mergeCell ref="A172:A176"/>
    <mergeCell ref="A177:A178"/>
    <mergeCell ref="A179:A194"/>
    <mergeCell ref="A195:A205"/>
    <mergeCell ref="A206:A211"/>
    <mergeCell ref="C208:C209"/>
    <mergeCell ref="D208:D209"/>
    <mergeCell ref="A230:A238"/>
    <mergeCell ref="A239:A246"/>
    <mergeCell ref="A247:A252"/>
    <mergeCell ref="A253:A257"/>
    <mergeCell ref="A224:A229"/>
  </mergeCells>
  <phoneticPr fontId="2"/>
  <dataValidations count="1">
    <dataValidation type="list" allowBlank="1" showInputMessage="1" sqref="C6:C9 C195:C204 C179:C193">
      <formula1>" ,□,■"</formula1>
    </dataValidation>
  </dataValidations>
  <printOptions horizontalCentered="1"/>
  <pageMargins left="0.59055118110236227" right="0.59055118110236227" top="0.59055118110236227" bottom="0.78740157480314965" header="0.39370078740157483" footer="0.59055118110236227"/>
  <pageSetup paperSize="9" fitToHeight="0" orientation="landscape" horizontalDpi="300" verticalDpi="300" r:id="rId1"/>
  <headerFooter alignWithMargins="0">
    <oddFooter>&amp;L（自己点検シート）&amp;R&amp;10&amp;A（&amp;P/&amp;N）</oddFooter>
  </headerFooter>
  <rowBreaks count="10" manualBreakCount="10">
    <brk id="15" max="4" man="1"/>
    <brk id="36" max="4" man="1"/>
    <brk id="114" max="4" man="1"/>
    <brk id="127" max="4" man="1"/>
    <brk id="146" max="4" man="1"/>
    <brk id="185" max="4" man="1"/>
    <brk id="201" max="4" man="1"/>
    <brk id="216" max="4" man="1"/>
    <brk id="223" max="4" man="1"/>
    <brk id="233" max="4"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LongProperties xmlns="http://schemas.microsoft.com/office/2006/metadata/long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2DA299AC048A4B8EA9C1D19079C1A32200FE9392B4599DF04FB23B5D0F06255814" ma:contentTypeVersion="11" ma:contentTypeDescription="" ma:contentTypeScope="" ma:versionID="9403d396e94072caabcb67168bc135ad">
  <xsd:schema xmlns:xsd="http://www.w3.org/2001/XMLSchema" xmlns:p="http://schemas.microsoft.com/office/2006/metadata/properties" xmlns:ns2="8B97BE19-CDDD-400E-817A-CFDD13F7EC12" xmlns:ns3="5b563654-e1c2-4d72-bd1f-2ce341ee7fd3" targetNamespace="http://schemas.microsoft.com/office/2006/metadata/properties" ma:root="true" ma:fieldsID="85a2078ade961bcf9d8cf48a85886ed5" ns2:_="" ns3:_="">
    <xsd:import namespace="8B97BE19-CDDD-400E-817A-CFDD13F7EC12"/>
    <xsd:import namespace="5b563654-e1c2-4d72-bd1f-2ce341ee7fd3"/>
    <xsd:element name="properties">
      <xsd:complexType>
        <xsd:sequence>
          <xsd:element name="documentManagement">
            <xsd:complexType>
              <xsd:all>
                <xsd:element ref="ns2:ClassLarge" minOccurs="0"/>
                <xsd:element ref="ns2:ClassMedium" minOccurs="0"/>
                <xsd:element ref="ns2:ClassSmall" minOccurs="0"/>
                <xsd:element ref="ns2:GyoseiFile" minOccurs="0"/>
                <xsd:element ref="ns2:CreatedBy" minOccurs="0"/>
                <xsd:element ref="ns2:PreservationPeriod" minOccurs="0"/>
                <xsd:element ref="ns2:PreservationPeriodExpire" minOccurs="0"/>
                <xsd:element ref="ns2:CreatedDate" minOccurs="0"/>
                <xsd:element ref="ns2:FixationStatus" minOccurs="0"/>
                <xsd:element ref="ns2:EditorWithSpace" minOccurs="0"/>
                <xsd:element ref="ns3:DaibunruiID" minOccurs="0"/>
                <xsd:element ref="ns3:ChuubunruiID" minOccurs="0"/>
                <xsd:element ref="ns3:SyoubunruiID" minOccurs="0"/>
                <xsd:element ref="ns3:GyouseibunsyoID" minOccurs="0"/>
                <xsd:element ref="ns3:Renkei" minOccurs="0"/>
                <xsd:element ref="ns3:Flag01" minOccurs="0"/>
                <xsd:element ref="ns3:Yobi01" minOccurs="0"/>
                <xsd:element ref="ns3:Yobi02" minOccurs="0"/>
                <xsd:element ref="ns3:Yobi03" minOccurs="0"/>
              </xsd:all>
            </xsd:complexType>
          </xsd:element>
        </xsd:sequence>
      </xsd:complexType>
    </xsd:element>
  </xsd:schema>
  <xsd:schema xmlns:xsd="http://www.w3.org/2001/XMLSchema" xmlns:dms="http://schemas.microsoft.com/office/2006/documentManagement/types" targetNamespace="8B97BE19-CDDD-400E-817A-CFDD13F7EC12" elementFormDefault="qualified">
    <xsd:import namespace="http://schemas.microsoft.com/office/2006/documentManagement/types"/>
    <xsd:element name="ClassLarge" ma:index="8" nillable="true" ma:displayName="大分類" ma:hidden="true" ma:internalName="ClassLarge" ma:readOnly="true">
      <xsd:simpleType>
        <xsd:restriction base="dms:Unknown"/>
      </xsd:simpleType>
    </xsd:element>
    <xsd:element name="ClassMedium" ma:index="9" nillable="true" ma:displayName="中分類" ma:hidden="true" ma:internalName="ClassMedium" ma:readOnly="true">
      <xsd:simpleType>
        <xsd:restriction base="dms:Unknown"/>
      </xsd:simpleType>
    </xsd:element>
    <xsd:element name="ClassSmall" ma:index="10" nillable="true" ma:displayName="小分類" ma:hidden="true" ma:internalName="ClassSmall" ma:readOnly="true">
      <xsd:simpleType>
        <xsd:restriction base="dms:Unknown"/>
      </xsd:simpleType>
    </xsd:element>
    <xsd:element name="GyoseiFile" ma:index="11" nillable="true" ma:displayName="行政文書ファイル名" ma:hidden="true" ma:internalName="GyoseiFile" ma:readOnly="true">
      <xsd:simpleType>
        <xsd:restriction base="dms:Unknown"/>
      </xsd:simpleType>
    </xsd:element>
    <xsd:element name="CreatedBy" ma:index="12" nillable="true" ma:displayName="作成課/係・作成者" ma:hidden="true" ma:internalName="CreatedBy" ma:readOnly="true">
      <xsd:simpleType>
        <xsd:restriction base="dms:Unknown"/>
      </xsd:simpleType>
    </xsd:element>
    <xsd:element name="PreservationPeriod" ma:index="13" nillable="true" ma:displayName="保存期間" ma:hidden="true" ma:internalName="PreservationPeriod" ma:readOnly="true">
      <xsd:simpleType>
        <xsd:restriction base="dms:Unknown"/>
      </xsd:simpleType>
    </xsd:element>
    <xsd:element name="PreservationPeriodExpire" ma:index="14" nillable="true" ma:displayName="保存期間満了時期" ma:format="DateOnly" ma:hidden="true" ma:internalName="PreservationPeriodExpire" ma:readOnly="true">
      <xsd:simpleType>
        <xsd:restriction base="dms:Unknown"/>
      </xsd:simpleType>
    </xsd:element>
    <xsd:element name="CreatedDate" ma:index="15" nillable="true" ma:displayName="作成年月日" ma:hidden="true" ma:internalName="CreatedDate" ma:readOnly="true">
      <xsd:simpleType>
        <xsd:restriction base="dms:Unknown"/>
      </xsd:simpleType>
    </xsd:element>
    <xsd:element name="FixationStatus" ma:index="16" nillable="true" ma:displayName="確定状況" ma:hidden="true" ma:internalName="FixationStatus" ma:readOnly="true">
      <xsd:simpleType>
        <xsd:restriction base="dms:Unknown"/>
      </xsd:simpleType>
    </xsd:element>
    <xsd:element name="EditorWithSpace" ma:index="18" nillable="true" ma:displayName="更新者　　　　　　" ma:hidden="true" ma:internalName="EditorWithSpace" ma:readOnly="tru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xsd="http://www.w3.org/2001/XMLSchema" xmlns:dms="http://schemas.microsoft.com/office/2006/documentManagement/types" targetNamespace="5b563654-e1c2-4d72-bd1f-2ce341ee7fd3" elementFormDefault="qualified">
    <xsd:import namespace="http://schemas.microsoft.com/office/2006/documentManagement/types"/>
    <xsd:element name="DaibunruiID" ma:index="19" nillable="true" ma:displayName="大分類ID" ma:description="" ma:hidden="true" ma:internalName="DaibunruiID" ma:readOnly="true">
      <xsd:simpleType>
        <xsd:restriction base="dms:Text"/>
      </xsd:simpleType>
    </xsd:element>
    <xsd:element name="ChuubunruiID" ma:index="20" nillable="true" ma:displayName="中分類ID" ma:description="" ma:hidden="true" ma:internalName="ChuubunruiID" ma:readOnly="true">
      <xsd:simpleType>
        <xsd:restriction base="dms:Text"/>
      </xsd:simpleType>
    </xsd:element>
    <xsd:element name="SyoubunruiID" ma:index="21" nillable="true" ma:displayName="小分類ID" ma:description="" ma:hidden="true" ma:internalName="SyoubunruiID" ma:readOnly="true">
      <xsd:simpleType>
        <xsd:restriction base="dms:Text"/>
      </xsd:simpleType>
    </xsd:element>
    <xsd:element name="GyouseibunsyoID" ma:index="22" nillable="true" ma:displayName="行政文書ファイル名ID" ma:description="" ma:hidden="true" ma:internalName="GyouseibunsyoID" ma:readOnly="true">
      <xsd:simpleType>
        <xsd:restriction base="dms:Text"/>
      </xsd:simpleType>
    </xsd:element>
    <xsd:element name="Renkei" ma:index="23" nillable="true" ma:displayName="行政文書連携フラグ" ma:description="" ma:hidden="true" ma:internalName="Renkei" ma:readOnly="true">
      <xsd:simpleType>
        <xsd:restriction base="dms:Text"/>
      </xsd:simpleType>
    </xsd:element>
    <xsd:element name="Flag01" ma:index="24" nillable="true" ma:displayName="予備フラグ" ma:description="" ma:hidden="true" ma:internalName="Flag01" ma:readOnly="true">
      <xsd:simpleType>
        <xsd:restriction base="dms:Text"/>
      </xsd:simpleType>
    </xsd:element>
    <xsd:element name="Yobi01" ma:index="25" nillable="true" ma:displayName="予備列01" ma:description="" ma:hidden="true" ma:internalName="Yobi01" ma:readOnly="true">
      <xsd:simpleType>
        <xsd:restriction base="dms:Text"/>
      </xsd:simpleType>
    </xsd:element>
    <xsd:element name="Yobi02" ma:index="26" nillable="true" ma:displayName="予備列02" ma:description="" ma:hidden="true" ma:internalName="Yobi02" ma:readOnly="true">
      <xsd:simpleType>
        <xsd:restriction base="dms:Text"/>
      </xsd:simpleType>
    </xsd:element>
    <xsd:element name="Yobi03" ma:index="27" nillable="true" ma:displayName="予備列03" ma:description="" ma:hidden="true" ma:internalName="Yobi03"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ma:readOnly="true"/>
        <xsd:element ref="dc:title" minOccurs="0" maxOccurs="1" ma:index="17" ma:displayName="タイトル" ma:readOnly="tru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A1E6B38B-9575-4BD2-8795-EABCEF14F7F1}">
  <ds:schemaRefs>
    <ds:schemaRef ds:uri="http://schemas.microsoft.com/office/2006/metadata/longProperties"/>
  </ds:schemaRefs>
</ds:datastoreItem>
</file>

<file path=customXml/itemProps2.xml><?xml version="1.0" encoding="utf-8"?>
<ds:datastoreItem xmlns:ds="http://schemas.openxmlformats.org/officeDocument/2006/customXml" ds:itemID="{BB018D59-D580-488C-8D64-97721181A8C3}">
  <ds:schemaRefs>
    <ds:schemaRef ds:uri="http://schemas.microsoft.com/sharepoint/v3/contenttype/forms"/>
  </ds:schemaRefs>
</ds:datastoreItem>
</file>

<file path=customXml/itemProps3.xml><?xml version="1.0" encoding="utf-8"?>
<ds:datastoreItem xmlns:ds="http://schemas.openxmlformats.org/officeDocument/2006/customXml" ds:itemID="{979E1849-8109-4155-A8CE-4F959DBD061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B97BE19-CDDD-400E-817A-CFDD13F7EC12"/>
    <ds:schemaRef ds:uri="5b563654-e1c2-4d72-bd1f-2ce341ee7fd3"/>
    <ds:schemaRef ds:uri="http://schemas.microsoft.com/office/2006/documentManagement/typ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4.xml><?xml version="1.0" encoding="utf-8"?>
<ds:datastoreItem xmlns:ds="http://schemas.openxmlformats.org/officeDocument/2006/customXml" ds:itemID="{ADFD6401-244D-4FB4-AACE-0780DE9E4F83}">
  <ds:schemaRefs>
    <ds:schemaRef ds:uri="http://schemas.microsoft.com/office/2006/documentManagement/types"/>
    <ds:schemaRef ds:uri="5b563654-e1c2-4d72-bd1f-2ce341ee7fd3"/>
    <ds:schemaRef ds:uri="http://www.w3.org/XML/1998/namespace"/>
    <ds:schemaRef ds:uri="8B97BE19-CDDD-400E-817A-CFDD13F7EC12"/>
    <ds:schemaRef ds:uri="http://schemas.microsoft.com/office/2006/metadata/properties"/>
    <ds:schemaRef ds:uri="http://purl.org/dc/dcmitype/"/>
    <ds:schemaRef ds:uri="http://schemas.openxmlformats.org/package/2006/metadata/core-properties"/>
    <ds:schemaRef ds:uri="http://purl.org/dc/terms/"/>
    <ds:schemaRef ds:uri="http://purl.org/dc/elements/1.1/"/>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3</vt:i4>
      </vt:variant>
    </vt:vector>
  </HeadingPairs>
  <TitlesOfParts>
    <vt:vector size="5" baseType="lpstr">
      <vt:lpstr>運営基準</vt:lpstr>
      <vt:lpstr>加算</vt:lpstr>
      <vt:lpstr>運営基準!Print_Area</vt:lpstr>
      <vt:lpstr>加算!Print_Area</vt:lpstr>
      <vt:lpstr>加算!Print_Titles</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小倉　さやか</cp:lastModifiedBy>
  <cp:lastPrinted>2024-08-15T08:52:21Z</cp:lastPrinted>
  <dcterms:created xsi:type="dcterms:W3CDTF">2006-11-13T02:22:16Z</dcterms:created>
  <dcterms:modified xsi:type="dcterms:W3CDTF">2025-06-04T01:41:0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
    <vt:lpwstr>ドキュメント</vt:lpwstr>
  </property>
</Properties>
</file>